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C:\Users\i4350754\Desktop\ホームページ\運営\"/>
    </mc:Choice>
  </mc:AlternateContent>
  <bookViews>
    <workbookView xWindow="-120" yWindow="-120" windowWidth="20640" windowHeight="11160" tabRatio="905"/>
  </bookViews>
  <sheets>
    <sheet name="活動計算書（その他の事業あり）" sheetId="9" r:id="rId1"/>
    <sheet name="計算書類の注記" sheetId="10" r:id="rId2"/>
  </sheets>
  <definedNames>
    <definedName name="_xlnm.Print_Area" localSheetId="0">'活動計算書（その他の事業あり）'!$A$1:$I$64</definedName>
    <definedName name="_xlnm.Print_Area" localSheetId="1">計算書類の注記!$A$1:$K$113</definedName>
  </definedNames>
  <calcPr calcId="191029"/>
  <customWorkbookViews>
    <customWorkbookView name="JDL - 個人用ビュー" guid="{1F4C3A28-8AF7-4CA2-AA54-2977604E1925}" mergeInterval="0" personalView="1" maximized="1" xWindow="1" yWindow="1" windowWidth="1676" windowHeight="825" activeSheetId="6"/>
    <customWorkbookView name="江田 - 個人用ビュー" guid="{C6C41CC9-EC89-4C60-B6AF-090407442283}" mergeInterval="0" personalView="1" maximized="1" xWindow="1" yWindow="1" windowWidth="1676" windowHeight="831" activeSheetId="7"/>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omments1.xml><?xml version="1.0" encoding="utf-8"?>
<comments xmlns="http://schemas.openxmlformats.org/spreadsheetml/2006/main">
  <authors>
    <author>平野　麻衣</author>
  </authors>
  <commentList>
    <comment ref="A2" authorId="0" shapeId="0">
      <text>
        <r>
          <rPr>
            <b/>
            <sz val="9"/>
            <color indexed="81"/>
            <rFont val="MS P ゴシック"/>
            <family val="3"/>
            <charset val="128"/>
          </rPr>
          <t>事業期間を記載してください。</t>
        </r>
      </text>
    </comment>
    <comment ref="F3" authorId="0" shapeId="0">
      <text>
        <r>
          <rPr>
            <b/>
            <sz val="9"/>
            <color indexed="81"/>
            <rFont val="MS P ゴシック"/>
            <family val="3"/>
            <charset val="128"/>
          </rPr>
          <t>法人名は定款のとおりに記載してください。</t>
        </r>
      </text>
    </comment>
    <comment ref="I63" authorId="0" shapeId="0">
      <text>
        <r>
          <rPr>
            <b/>
            <sz val="9"/>
            <color indexed="81"/>
            <rFont val="MS P ゴシック"/>
            <family val="3"/>
            <charset val="128"/>
          </rPr>
          <t xml:space="preserve">前事業年度の活動計算書の
「次期繰越正味財産額」と
金額が一致することを確認してください。
</t>
        </r>
        <r>
          <rPr>
            <sz val="9"/>
            <color indexed="81"/>
            <rFont val="MS P ゴシック"/>
            <family val="3"/>
            <charset val="128"/>
          </rPr>
          <t xml:space="preserve">
</t>
        </r>
      </text>
    </comment>
    <comment ref="I64" authorId="0" shapeId="0">
      <text>
        <r>
          <rPr>
            <b/>
            <sz val="9"/>
            <color indexed="81"/>
            <rFont val="MS P ゴシック"/>
            <family val="3"/>
            <charset val="128"/>
          </rPr>
          <t>「次期繰越正味財産額」が、貸借対照表・財産目録の「正味財産」の金額と一致することを確認してください。</t>
        </r>
      </text>
    </comment>
  </commentList>
</comments>
</file>

<file path=xl/sharedStrings.xml><?xml version="1.0" encoding="utf-8"?>
<sst xmlns="http://schemas.openxmlformats.org/spreadsheetml/2006/main" count="219" uniqueCount="166">
  <si>
    <t>科目</t>
    <rPh sb="0" eb="2">
      <t>カモク</t>
    </rPh>
    <phoneticPr fontId="2"/>
  </si>
  <si>
    <t>（単位：円）</t>
    <rPh sb="1" eb="3">
      <t>タンイ</t>
    </rPh>
    <rPh sb="4" eb="5">
      <t>エン</t>
    </rPh>
    <phoneticPr fontId="2"/>
  </si>
  <si>
    <t>受取利息</t>
    <rPh sb="0" eb="2">
      <t>ウケトリ</t>
    </rPh>
    <rPh sb="2" eb="4">
      <t>リソク</t>
    </rPh>
    <phoneticPr fontId="2"/>
  </si>
  <si>
    <t>旅費交通費</t>
    <rPh sb="0" eb="2">
      <t>リョヒ</t>
    </rPh>
    <rPh sb="2" eb="5">
      <t>コウツウヒ</t>
    </rPh>
    <phoneticPr fontId="2"/>
  </si>
  <si>
    <t>法定福利費</t>
    <rPh sb="0" eb="2">
      <t>ホウテイ</t>
    </rPh>
    <rPh sb="2" eb="4">
      <t>フクリ</t>
    </rPh>
    <rPh sb="4" eb="5">
      <t>ヒ</t>
    </rPh>
    <phoneticPr fontId="2"/>
  </si>
  <si>
    <t>減価償却費</t>
    <rPh sb="0" eb="2">
      <t>ゲンカ</t>
    </rPh>
    <rPh sb="2" eb="4">
      <t>ショウキャク</t>
    </rPh>
    <rPh sb="4" eb="5">
      <t>ヒ</t>
    </rPh>
    <phoneticPr fontId="2"/>
  </si>
  <si>
    <t>退職給付費用</t>
    <rPh sb="0" eb="2">
      <t>タイショク</t>
    </rPh>
    <rPh sb="2" eb="4">
      <t>キュウフ</t>
    </rPh>
    <rPh sb="4" eb="6">
      <t>ヒヨウ</t>
    </rPh>
    <phoneticPr fontId="2"/>
  </si>
  <si>
    <t>福利厚生費</t>
    <rPh sb="0" eb="2">
      <t>フクリ</t>
    </rPh>
    <rPh sb="2" eb="5">
      <t>コウセイヒ</t>
    </rPh>
    <phoneticPr fontId="2"/>
  </si>
  <si>
    <t>会議費</t>
    <rPh sb="0" eb="3">
      <t>カイギヒ</t>
    </rPh>
    <phoneticPr fontId="2"/>
  </si>
  <si>
    <t>金額</t>
    <rPh sb="0" eb="2">
      <t>キンガク</t>
    </rPh>
    <phoneticPr fontId="2"/>
  </si>
  <si>
    <t>受取会費</t>
  </si>
  <si>
    <t>１．</t>
  </si>
  <si>
    <t>１．</t>
    <phoneticPr fontId="2"/>
  </si>
  <si>
    <t>経常収益</t>
  </si>
  <si>
    <t>Ⅰ</t>
  </si>
  <si>
    <t>３．</t>
    <phoneticPr fontId="2"/>
  </si>
  <si>
    <t>受取助成金等</t>
    <phoneticPr fontId="2"/>
  </si>
  <si>
    <t>２．</t>
    <phoneticPr fontId="2"/>
  </si>
  <si>
    <t>４．</t>
    <phoneticPr fontId="2"/>
  </si>
  <si>
    <t>５．</t>
    <phoneticPr fontId="2"/>
  </si>
  <si>
    <t>経常費用</t>
  </si>
  <si>
    <t>Ⅱ</t>
    <phoneticPr fontId="2"/>
  </si>
  <si>
    <t>人件費</t>
    <phoneticPr fontId="2"/>
  </si>
  <si>
    <t>その他経費</t>
    <phoneticPr fontId="2"/>
  </si>
  <si>
    <t>経常外収益</t>
    <phoneticPr fontId="2"/>
  </si>
  <si>
    <t>Ⅲ</t>
    <phoneticPr fontId="2"/>
  </si>
  <si>
    <t>経常外費用</t>
    <phoneticPr fontId="2"/>
  </si>
  <si>
    <t>Ⅳ</t>
    <phoneticPr fontId="2"/>
  </si>
  <si>
    <t>正会員受取会費</t>
  </si>
  <si>
    <t>賛助会員受取会費</t>
    <phoneticPr fontId="2"/>
  </si>
  <si>
    <t>受取民間助成金</t>
    <rPh sb="0" eb="2">
      <t>ウケトリ</t>
    </rPh>
    <rPh sb="2" eb="4">
      <t>ミンカン</t>
    </rPh>
    <rPh sb="4" eb="7">
      <t>ジョセイキン</t>
    </rPh>
    <phoneticPr fontId="2"/>
  </si>
  <si>
    <t>事業収益</t>
    <phoneticPr fontId="2"/>
  </si>
  <si>
    <t>○○事業収益</t>
    <phoneticPr fontId="2"/>
  </si>
  <si>
    <t>その他収益</t>
    <phoneticPr fontId="2"/>
  </si>
  <si>
    <t>給料手当</t>
    <rPh sb="0" eb="2">
      <t>キュウリョウ</t>
    </rPh>
    <rPh sb="2" eb="4">
      <t>テア</t>
    </rPh>
    <phoneticPr fontId="2"/>
  </si>
  <si>
    <t>人件費計</t>
    <rPh sb="0" eb="3">
      <t>ジンケンヒ</t>
    </rPh>
    <rPh sb="3" eb="4">
      <t>ケイ</t>
    </rPh>
    <phoneticPr fontId="2"/>
  </si>
  <si>
    <t>その他経費計</t>
    <rPh sb="2" eb="3">
      <t>タ</t>
    </rPh>
    <rPh sb="3" eb="5">
      <t>ケイヒ</t>
    </rPh>
    <rPh sb="5" eb="6">
      <t>ケイ</t>
    </rPh>
    <phoneticPr fontId="2"/>
  </si>
  <si>
    <t>経常費用計</t>
    <rPh sb="0" eb="2">
      <t>ケイジョウ</t>
    </rPh>
    <rPh sb="2" eb="4">
      <t>ヒヨウ</t>
    </rPh>
    <rPh sb="4" eb="5">
      <t>ケイ</t>
    </rPh>
    <phoneticPr fontId="2"/>
  </si>
  <si>
    <t>当期経常増減額</t>
    <rPh sb="0" eb="2">
      <t>トウキ</t>
    </rPh>
    <rPh sb="2" eb="4">
      <t>ケイジョウ</t>
    </rPh>
    <rPh sb="4" eb="7">
      <t>ゾウゲンガク</t>
    </rPh>
    <phoneticPr fontId="2"/>
  </si>
  <si>
    <t>固定資産売却益</t>
    <phoneticPr fontId="2"/>
  </si>
  <si>
    <t>経常外収益計</t>
    <phoneticPr fontId="2"/>
  </si>
  <si>
    <t>過年度損益修正損</t>
    <phoneticPr fontId="2"/>
  </si>
  <si>
    <t>経常外費用計</t>
    <phoneticPr fontId="2"/>
  </si>
  <si>
    <t>経常収益計</t>
    <phoneticPr fontId="2"/>
  </si>
  <si>
    <t>当期正味財産増減額</t>
  </si>
  <si>
    <t>役員報酬</t>
    <rPh sb="0" eb="4">
      <t>ヤクインホウシュウ</t>
    </rPh>
    <phoneticPr fontId="2"/>
  </si>
  <si>
    <t>管理費計</t>
    <rPh sb="0" eb="3">
      <t>カンリヒ</t>
    </rPh>
    <rPh sb="3" eb="4">
      <t>ケイ</t>
    </rPh>
    <phoneticPr fontId="2"/>
  </si>
  <si>
    <t>施設等受入評価益</t>
    <rPh sb="0" eb="2">
      <t>シセツ</t>
    </rPh>
    <rPh sb="2" eb="3">
      <t>トウ</t>
    </rPh>
    <rPh sb="3" eb="5">
      <t>ウケイレ</t>
    </rPh>
    <rPh sb="5" eb="7">
      <t>ヒョウカ</t>
    </rPh>
    <rPh sb="7" eb="8">
      <t>エキ</t>
    </rPh>
    <phoneticPr fontId="2"/>
  </si>
  <si>
    <t>施設等評価費用</t>
    <rPh sb="0" eb="2">
      <t>シセツ</t>
    </rPh>
    <rPh sb="2" eb="3">
      <t>トウ</t>
    </rPh>
    <rPh sb="3" eb="5">
      <t>ヒョウカ</t>
    </rPh>
    <rPh sb="5" eb="7">
      <t>ヒヨウ</t>
    </rPh>
    <phoneticPr fontId="2"/>
  </si>
  <si>
    <t>（２）</t>
    <phoneticPr fontId="2"/>
  </si>
  <si>
    <t>（１）</t>
    <phoneticPr fontId="2"/>
  </si>
  <si>
    <t>事業費計</t>
    <phoneticPr fontId="2"/>
  </si>
  <si>
    <t>事業費</t>
    <phoneticPr fontId="2"/>
  </si>
  <si>
    <t>管理費</t>
    <phoneticPr fontId="2"/>
  </si>
  <si>
    <t>受取寄附金</t>
  </si>
  <si>
    <t>受取寄附金　　</t>
    <rPh sb="0" eb="2">
      <t>ウケトリ</t>
    </rPh>
    <phoneticPr fontId="2"/>
  </si>
  <si>
    <t>支払利息</t>
    <rPh sb="0" eb="2">
      <t>シハライ</t>
    </rPh>
    <rPh sb="2" eb="4">
      <t>リソク</t>
    </rPh>
    <phoneticPr fontId="2"/>
  </si>
  <si>
    <t>雑収益</t>
    <phoneticPr fontId="2"/>
  </si>
  <si>
    <t>計算書類の注記</t>
    <rPh sb="0" eb="2">
      <t>ケイサン</t>
    </rPh>
    <rPh sb="2" eb="4">
      <t>ショルイ</t>
    </rPh>
    <rPh sb="5" eb="7">
      <t>チュウキ</t>
    </rPh>
    <phoneticPr fontId="2"/>
  </si>
  <si>
    <t>重要な会計方針</t>
  </si>
  <si>
    <t>　　</t>
    <phoneticPr fontId="2"/>
  </si>
  <si>
    <t>　</t>
    <phoneticPr fontId="2"/>
  </si>
  <si>
    <t>棚卸資産の評価基準及び評価方法</t>
    <rPh sb="0" eb="2">
      <t>タナオロシ</t>
    </rPh>
    <rPh sb="2" eb="4">
      <t>シサン</t>
    </rPh>
    <rPh sb="5" eb="7">
      <t>ヒョウカ</t>
    </rPh>
    <rPh sb="7" eb="9">
      <t>キジュン</t>
    </rPh>
    <rPh sb="9" eb="10">
      <t>オヨ</t>
    </rPh>
    <rPh sb="11" eb="13">
      <t>ヒョウカ</t>
    </rPh>
    <rPh sb="13" eb="15">
      <t>ホウホウ</t>
    </rPh>
    <phoneticPr fontId="2"/>
  </si>
  <si>
    <t>固定資産の減価償却の方法</t>
    <phoneticPr fontId="2"/>
  </si>
  <si>
    <t>（３）</t>
    <phoneticPr fontId="2"/>
  </si>
  <si>
    <t>引当金の計上基準</t>
    <phoneticPr fontId="2"/>
  </si>
  <si>
    <t>・</t>
    <phoneticPr fontId="2"/>
  </si>
  <si>
    <t>退職給付引当金</t>
    <rPh sb="0" eb="2">
      <t>タイショク</t>
    </rPh>
    <rPh sb="2" eb="4">
      <t>キュウフ</t>
    </rPh>
    <rPh sb="4" eb="6">
      <t>ヒキアテ</t>
    </rPh>
    <rPh sb="6" eb="7">
      <t>キン</t>
    </rPh>
    <phoneticPr fontId="2"/>
  </si>
  <si>
    <t>○○引当金</t>
    <rPh sb="2" eb="4">
      <t>ヒキアテ</t>
    </rPh>
    <rPh sb="4" eb="5">
      <t>キン</t>
    </rPh>
    <phoneticPr fontId="2"/>
  </si>
  <si>
    <t>（４）</t>
    <phoneticPr fontId="2"/>
  </si>
  <si>
    <t>施設の提供等の物的サービスを受けた場合の会計処理</t>
    <rPh sb="0" eb="2">
      <t>シセツ</t>
    </rPh>
    <rPh sb="3" eb="6">
      <t>テイキョウトウ</t>
    </rPh>
    <rPh sb="7" eb="9">
      <t>ブッテキ</t>
    </rPh>
    <rPh sb="14" eb="15">
      <t>ウ</t>
    </rPh>
    <rPh sb="17" eb="19">
      <t>バアイ</t>
    </rPh>
    <rPh sb="20" eb="22">
      <t>カイケイ</t>
    </rPh>
    <rPh sb="22" eb="24">
      <t>ショリ</t>
    </rPh>
    <phoneticPr fontId="2"/>
  </si>
  <si>
    <t>（５）</t>
    <phoneticPr fontId="2"/>
  </si>
  <si>
    <t>ボランティアによる役務の提供</t>
    <phoneticPr fontId="2"/>
  </si>
  <si>
    <t>（６）</t>
    <phoneticPr fontId="2"/>
  </si>
  <si>
    <t>消費税等の会計処理</t>
    <phoneticPr fontId="2"/>
  </si>
  <si>
    <t>２．</t>
  </si>
  <si>
    <t>会計方針の変更</t>
    <phoneticPr fontId="2"/>
  </si>
  <si>
    <t>３．</t>
  </si>
  <si>
    <t>事業別損益の状況</t>
    <rPh sb="0" eb="2">
      <t>ジギョウ</t>
    </rPh>
    <rPh sb="2" eb="3">
      <t>ベツ</t>
    </rPh>
    <rPh sb="3" eb="5">
      <t>ソンエキ</t>
    </rPh>
    <rPh sb="6" eb="8">
      <t>ジョウキョウ</t>
    </rPh>
    <phoneticPr fontId="2"/>
  </si>
  <si>
    <t>Ａ事業費</t>
    <rPh sb="1" eb="4">
      <t>ジギョウヒ</t>
    </rPh>
    <phoneticPr fontId="2"/>
  </si>
  <si>
    <t>Ｂ事業費</t>
    <rPh sb="1" eb="4">
      <t>ジギョウヒ</t>
    </rPh>
    <phoneticPr fontId="2"/>
  </si>
  <si>
    <t>Ｃ事業費</t>
    <rPh sb="1" eb="4">
      <t>ジギョウヒ</t>
    </rPh>
    <phoneticPr fontId="2"/>
  </si>
  <si>
    <t>Ｄ事業費</t>
    <rPh sb="1" eb="4">
      <t>ジギョウヒ</t>
    </rPh>
    <phoneticPr fontId="2"/>
  </si>
  <si>
    <t>事業部門計</t>
    <rPh sb="0" eb="2">
      <t>ジギョウ</t>
    </rPh>
    <rPh sb="2" eb="4">
      <t>ブモン</t>
    </rPh>
    <rPh sb="4" eb="5">
      <t>ケイ</t>
    </rPh>
    <phoneticPr fontId="2"/>
  </si>
  <si>
    <t>管理部門</t>
    <rPh sb="0" eb="2">
      <t>カンリ</t>
    </rPh>
    <rPh sb="2" eb="4">
      <t>ブモン</t>
    </rPh>
    <phoneticPr fontId="2"/>
  </si>
  <si>
    <t>合計</t>
    <rPh sb="0" eb="2">
      <t>ゴウケイ</t>
    </rPh>
    <phoneticPr fontId="2"/>
  </si>
  <si>
    <t>Ⅰ　経常収益</t>
    <rPh sb="2" eb="4">
      <t>ケイジョウ</t>
    </rPh>
    <rPh sb="4" eb="6">
      <t>シュウエキ</t>
    </rPh>
    <phoneticPr fontId="2"/>
  </si>
  <si>
    <t xml:space="preserve"> １．</t>
    <phoneticPr fontId="2"/>
  </si>
  <si>
    <t>受取会費</t>
    <rPh sb="0" eb="2">
      <t>ウケトリ</t>
    </rPh>
    <rPh sb="2" eb="4">
      <t>カイヒ</t>
    </rPh>
    <phoneticPr fontId="2"/>
  </si>
  <si>
    <t xml:space="preserve"> ２．</t>
  </si>
  <si>
    <t>受取寄附金</t>
    <rPh sb="0" eb="2">
      <t>ウケトリ</t>
    </rPh>
    <rPh sb="2" eb="5">
      <t>キフキン</t>
    </rPh>
    <phoneticPr fontId="2"/>
  </si>
  <si>
    <t xml:space="preserve"> ３．</t>
  </si>
  <si>
    <t>受取助成金等</t>
    <rPh sb="0" eb="2">
      <t>ウケトリ</t>
    </rPh>
    <rPh sb="2" eb="5">
      <t>ジョセイキン</t>
    </rPh>
    <rPh sb="5" eb="6">
      <t>トウ</t>
    </rPh>
    <phoneticPr fontId="2"/>
  </si>
  <si>
    <t xml:space="preserve"> ４．</t>
  </si>
  <si>
    <t>事業収益</t>
    <rPh sb="0" eb="2">
      <t>ジギョウ</t>
    </rPh>
    <rPh sb="2" eb="4">
      <t>シュウエキ</t>
    </rPh>
    <phoneticPr fontId="2"/>
  </si>
  <si>
    <t xml:space="preserve"> ５．</t>
  </si>
  <si>
    <t>その他収益</t>
    <rPh sb="2" eb="3">
      <t>タ</t>
    </rPh>
    <rPh sb="3" eb="5">
      <t>シュウエキ</t>
    </rPh>
    <phoneticPr fontId="2"/>
  </si>
  <si>
    <t>経常収益計</t>
    <rPh sb="0" eb="2">
      <t>ケイジョウ</t>
    </rPh>
    <rPh sb="2" eb="4">
      <t>シュウエキ</t>
    </rPh>
    <rPh sb="4" eb="5">
      <t>ケイ</t>
    </rPh>
    <phoneticPr fontId="2"/>
  </si>
  <si>
    <t>Ⅱ　経常費用</t>
    <rPh sb="2" eb="4">
      <t>ケイジョウ</t>
    </rPh>
    <rPh sb="4" eb="6">
      <t>ヒヨウ</t>
    </rPh>
    <phoneticPr fontId="2"/>
  </si>
  <si>
    <t>臨時雇賃金</t>
    <rPh sb="0" eb="2">
      <t>リンジ</t>
    </rPh>
    <rPh sb="2" eb="3">
      <t>ヤト</t>
    </rPh>
    <rPh sb="3" eb="5">
      <t>チンギン</t>
    </rPh>
    <phoneticPr fontId="2"/>
  </si>
  <si>
    <t>業務委託費</t>
    <rPh sb="0" eb="5">
      <t>ギョウムイタクヒ</t>
    </rPh>
    <phoneticPr fontId="2"/>
  </si>
  <si>
    <t>旅費交通費</t>
    <rPh sb="0" eb="5">
      <t>リョヒコウツウヒ</t>
    </rPh>
    <phoneticPr fontId="2"/>
  </si>
  <si>
    <t>４．</t>
  </si>
  <si>
    <t>施設の提供等の物的サービスの受入の内訳</t>
    <phoneticPr fontId="2"/>
  </si>
  <si>
    <t>（単位：円）</t>
  </si>
  <si>
    <t>内容</t>
    <rPh sb="0" eb="2">
      <t>ナイヨウ</t>
    </rPh>
    <phoneticPr fontId="2"/>
  </si>
  <si>
    <t>算定方法</t>
    <rPh sb="0" eb="2">
      <t>サンテイ</t>
    </rPh>
    <rPh sb="2" eb="4">
      <t>ホウホウ</t>
    </rPh>
    <phoneticPr fontId="2"/>
  </si>
  <si>
    <t>５．</t>
  </si>
  <si>
    <t>活動の原価の算定にあたって必要なボランティアによる役務の提供の内訳</t>
    <phoneticPr fontId="2"/>
  </si>
  <si>
    <t>６．</t>
    <phoneticPr fontId="2"/>
  </si>
  <si>
    <t>使途等が制約された寄附金等の内訳</t>
    <rPh sb="2" eb="3">
      <t>トウ</t>
    </rPh>
    <rPh sb="11" eb="12">
      <t>キン</t>
    </rPh>
    <phoneticPr fontId="2"/>
  </si>
  <si>
    <t>使途等が制約された寄附金等の内訳（正味財産の増減及び残高の状況）は以下の通りです。</t>
    <rPh sb="2" eb="3">
      <t>トウ</t>
    </rPh>
    <rPh sb="11" eb="12">
      <t>キン</t>
    </rPh>
    <rPh sb="17" eb="19">
      <t>ショウミ</t>
    </rPh>
    <rPh sb="19" eb="21">
      <t>ザイサン</t>
    </rPh>
    <rPh sb="22" eb="24">
      <t>ゾウゲン</t>
    </rPh>
    <rPh sb="24" eb="25">
      <t>オヨ</t>
    </rPh>
    <rPh sb="26" eb="28">
      <t>ザンダカ</t>
    </rPh>
    <rPh sb="29" eb="31">
      <t>ジョウキョウ</t>
    </rPh>
    <phoneticPr fontId="2"/>
  </si>
  <si>
    <t>当法人の正味財産は×××円ですが、そのうち×××円は、下記のように使途が特定されています。</t>
    <rPh sb="36" eb="38">
      <t>トクテイ</t>
    </rPh>
    <phoneticPr fontId="2"/>
  </si>
  <si>
    <t>したがって使途が制約されていない正味財産は×××円です。</t>
    <phoneticPr fontId="2"/>
  </si>
  <si>
    <t>期首残高</t>
    <rPh sb="0" eb="2">
      <t>キシュ</t>
    </rPh>
    <rPh sb="2" eb="4">
      <t>ザンダカ</t>
    </rPh>
    <phoneticPr fontId="2"/>
  </si>
  <si>
    <t>当期増加額</t>
    <rPh sb="0" eb="2">
      <t>トウキ</t>
    </rPh>
    <rPh sb="2" eb="4">
      <t>ゾウカ</t>
    </rPh>
    <rPh sb="4" eb="5">
      <t>ガク</t>
    </rPh>
    <phoneticPr fontId="2"/>
  </si>
  <si>
    <t>当期減少額</t>
    <rPh sb="0" eb="2">
      <t>トウキ</t>
    </rPh>
    <rPh sb="2" eb="4">
      <t>ゲンショウ</t>
    </rPh>
    <rPh sb="4" eb="5">
      <t>ガク</t>
    </rPh>
    <phoneticPr fontId="2"/>
  </si>
  <si>
    <t>期末残高</t>
    <rPh sb="0" eb="2">
      <t>キマツ</t>
    </rPh>
    <rPh sb="2" eb="4">
      <t>ザンダカ</t>
    </rPh>
    <phoneticPr fontId="2"/>
  </si>
  <si>
    <t>備考</t>
    <rPh sb="0" eb="2">
      <t>ビコウ</t>
    </rPh>
    <phoneticPr fontId="2"/>
  </si>
  <si>
    <t>翌期に使用予定の支援用資金</t>
    <rPh sb="0" eb="1">
      <t>ヨク</t>
    </rPh>
    <rPh sb="1" eb="2">
      <t>キ</t>
    </rPh>
    <rPh sb="3" eb="5">
      <t>シヨウ</t>
    </rPh>
    <rPh sb="5" eb="7">
      <t>ヨテイ</t>
    </rPh>
    <rPh sb="8" eb="11">
      <t>シエンヨウ</t>
    </rPh>
    <rPh sb="11" eb="13">
      <t>シキン</t>
    </rPh>
    <phoneticPr fontId="2"/>
  </si>
  <si>
    <t>助成金の総額は××円です。活動計算書に計上した額××円との差額××円は前受助成金として貸借対照表に負債計上しています。</t>
    <rPh sb="0" eb="3">
      <t>ジョセイキン</t>
    </rPh>
    <rPh sb="4" eb="6">
      <t>ソウガク</t>
    </rPh>
    <rPh sb="9" eb="10">
      <t>エン</t>
    </rPh>
    <rPh sb="13" eb="15">
      <t>カツドウ</t>
    </rPh>
    <rPh sb="15" eb="18">
      <t>ケイサンショ</t>
    </rPh>
    <rPh sb="19" eb="21">
      <t>ケイジョウ</t>
    </rPh>
    <rPh sb="26" eb="27">
      <t>エン</t>
    </rPh>
    <rPh sb="49" eb="51">
      <t>フサイ</t>
    </rPh>
    <phoneticPr fontId="2"/>
  </si>
  <si>
    <t>７．</t>
    <phoneticPr fontId="2"/>
  </si>
  <si>
    <t>固定資産の増減内訳</t>
    <phoneticPr fontId="2"/>
  </si>
  <si>
    <t>期首取得価額</t>
    <rPh sb="0" eb="2">
      <t>キシュ</t>
    </rPh>
    <rPh sb="2" eb="4">
      <t>シュトク</t>
    </rPh>
    <rPh sb="4" eb="6">
      <t>カガク</t>
    </rPh>
    <phoneticPr fontId="2"/>
  </si>
  <si>
    <t>取得</t>
    <rPh sb="0" eb="2">
      <t>シュトク</t>
    </rPh>
    <phoneticPr fontId="2"/>
  </si>
  <si>
    <t>減少</t>
    <rPh sb="0" eb="2">
      <t>ゲンショウ</t>
    </rPh>
    <phoneticPr fontId="2"/>
  </si>
  <si>
    <t>期末取得価額</t>
    <rPh sb="0" eb="2">
      <t>キマツ</t>
    </rPh>
    <rPh sb="2" eb="4">
      <t>シュトク</t>
    </rPh>
    <rPh sb="4" eb="6">
      <t>カガク</t>
    </rPh>
    <phoneticPr fontId="2"/>
  </si>
  <si>
    <t>減価償却累計額</t>
    <rPh sb="0" eb="2">
      <t>ゲンカ</t>
    </rPh>
    <rPh sb="2" eb="4">
      <t>ショウキャク</t>
    </rPh>
    <rPh sb="4" eb="6">
      <t>ルイケイ</t>
    </rPh>
    <rPh sb="6" eb="7">
      <t>ガク</t>
    </rPh>
    <phoneticPr fontId="2"/>
  </si>
  <si>
    <t>期末帳簿価額</t>
    <rPh sb="0" eb="2">
      <t>キマツ</t>
    </rPh>
    <rPh sb="2" eb="4">
      <t>チョウボ</t>
    </rPh>
    <rPh sb="4" eb="6">
      <t>カガク</t>
    </rPh>
    <phoneticPr fontId="2"/>
  </si>
  <si>
    <t>有形固定資産</t>
    <rPh sb="0" eb="2">
      <t>ユウケイ</t>
    </rPh>
    <rPh sb="2" eb="4">
      <t>コテイ</t>
    </rPh>
    <rPh sb="4" eb="6">
      <t>シサン</t>
    </rPh>
    <phoneticPr fontId="2"/>
  </si>
  <si>
    <t>什器備品</t>
    <phoneticPr fontId="2"/>
  </si>
  <si>
    <t>無形固定資産</t>
    <rPh sb="0" eb="2">
      <t>ムケイ</t>
    </rPh>
    <rPh sb="2" eb="4">
      <t>コテイ</t>
    </rPh>
    <rPh sb="4" eb="6">
      <t>シサン</t>
    </rPh>
    <phoneticPr fontId="2"/>
  </si>
  <si>
    <t>投資その他の資産</t>
    <rPh sb="0" eb="2">
      <t>トウシ</t>
    </rPh>
    <rPh sb="4" eb="5">
      <t>タ</t>
    </rPh>
    <rPh sb="6" eb="8">
      <t>シサン</t>
    </rPh>
    <phoneticPr fontId="2"/>
  </si>
  <si>
    <t>８．</t>
    <phoneticPr fontId="2"/>
  </si>
  <si>
    <t>借入金の増減内訳</t>
    <phoneticPr fontId="2"/>
  </si>
  <si>
    <t>当期借入</t>
    <rPh sb="0" eb="2">
      <t>トウキ</t>
    </rPh>
    <rPh sb="2" eb="4">
      <t>カリイレ</t>
    </rPh>
    <phoneticPr fontId="2"/>
  </si>
  <si>
    <t>当期返済</t>
    <rPh sb="0" eb="2">
      <t>トウキ</t>
    </rPh>
    <rPh sb="2" eb="4">
      <t>ヘンサイ</t>
    </rPh>
    <phoneticPr fontId="2"/>
  </si>
  <si>
    <t>長期借入金</t>
    <rPh sb="0" eb="2">
      <t>チョウキ</t>
    </rPh>
    <rPh sb="2" eb="4">
      <t>カリイレ</t>
    </rPh>
    <rPh sb="4" eb="5">
      <t>キン</t>
    </rPh>
    <phoneticPr fontId="2"/>
  </si>
  <si>
    <t>役員借入金</t>
    <rPh sb="0" eb="2">
      <t>ヤクイン</t>
    </rPh>
    <rPh sb="2" eb="4">
      <t>カリイレ</t>
    </rPh>
    <rPh sb="4" eb="5">
      <t>キン</t>
    </rPh>
    <phoneticPr fontId="2"/>
  </si>
  <si>
    <t>９．</t>
    <phoneticPr fontId="2"/>
  </si>
  <si>
    <t>役員及びその近親者との取引の内容</t>
    <phoneticPr fontId="2"/>
  </si>
  <si>
    <t>役員及びその近親者との取引は以下の通りです。</t>
    <rPh sb="0" eb="2">
      <t>ヤクイン</t>
    </rPh>
    <rPh sb="2" eb="3">
      <t>オヨ</t>
    </rPh>
    <rPh sb="6" eb="9">
      <t>キンシンシャ</t>
    </rPh>
    <rPh sb="11" eb="13">
      <t>トリヒキ</t>
    </rPh>
    <rPh sb="14" eb="16">
      <t>イカ</t>
    </rPh>
    <rPh sb="17" eb="18">
      <t>トオ</t>
    </rPh>
    <phoneticPr fontId="2"/>
  </si>
  <si>
    <t>計算書類に計</t>
    <rPh sb="0" eb="2">
      <t>ケイサン</t>
    </rPh>
    <rPh sb="2" eb="4">
      <t>ショルイ</t>
    </rPh>
    <phoneticPr fontId="2"/>
  </si>
  <si>
    <t>内役員及び近</t>
    <rPh sb="0" eb="1">
      <t>ウチ</t>
    </rPh>
    <rPh sb="1" eb="3">
      <t>ヤクイン</t>
    </rPh>
    <rPh sb="3" eb="4">
      <t>オヨ</t>
    </rPh>
    <rPh sb="5" eb="6">
      <t>コン</t>
    </rPh>
    <phoneticPr fontId="2"/>
  </si>
  <si>
    <t>上された金額</t>
    <phoneticPr fontId="2"/>
  </si>
  <si>
    <t>親者との取引</t>
    <phoneticPr fontId="2"/>
  </si>
  <si>
    <t>（活動計算書）</t>
    <rPh sb="1" eb="3">
      <t>カツドウ</t>
    </rPh>
    <rPh sb="3" eb="6">
      <t>ケイサンショ</t>
    </rPh>
    <phoneticPr fontId="2"/>
  </si>
  <si>
    <t>受取寄附金</t>
    <rPh sb="0" eb="2">
      <t>ウケトリ</t>
    </rPh>
    <phoneticPr fontId="2"/>
  </si>
  <si>
    <t>委託料</t>
    <rPh sb="0" eb="3">
      <t>イタクリョウ</t>
    </rPh>
    <phoneticPr fontId="2"/>
  </si>
  <si>
    <t>活動計算書計</t>
    <phoneticPr fontId="2"/>
  </si>
  <si>
    <t>（貸借対照表）</t>
    <rPh sb="1" eb="3">
      <t>タイシャク</t>
    </rPh>
    <rPh sb="3" eb="6">
      <t>タイショウヒョウ</t>
    </rPh>
    <phoneticPr fontId="2"/>
  </si>
  <si>
    <t>未払金</t>
    <rPh sb="0" eb="2">
      <t>ミハラ</t>
    </rPh>
    <rPh sb="2" eb="3">
      <t>キン</t>
    </rPh>
    <phoneticPr fontId="2"/>
  </si>
  <si>
    <t>貸借対照表計</t>
    <phoneticPr fontId="2"/>
  </si>
  <si>
    <t>10．その他特定非営利活動法人の資産、負債及び正味財産の状態並びに正味財産の増減の状況を明らかに
　するために必要な事項</t>
    <rPh sb="5" eb="6">
      <t>タ</t>
    </rPh>
    <rPh sb="6" eb="8">
      <t>トクテイ</t>
    </rPh>
    <rPh sb="8" eb="11">
      <t>ヒエイリ</t>
    </rPh>
    <rPh sb="11" eb="13">
      <t>カツドウ</t>
    </rPh>
    <rPh sb="13" eb="15">
      <t>ホウジン</t>
    </rPh>
    <rPh sb="16" eb="18">
      <t>シサン</t>
    </rPh>
    <rPh sb="19" eb="21">
      <t>フサイ</t>
    </rPh>
    <rPh sb="21" eb="22">
      <t>オヨ</t>
    </rPh>
    <rPh sb="23" eb="25">
      <t>ショウミ</t>
    </rPh>
    <rPh sb="25" eb="27">
      <t>ザイサン</t>
    </rPh>
    <rPh sb="28" eb="30">
      <t>ジョウタイ</t>
    </rPh>
    <rPh sb="30" eb="31">
      <t>ナラ</t>
    </rPh>
    <rPh sb="33" eb="35">
      <t>ショウミ</t>
    </rPh>
    <rPh sb="35" eb="37">
      <t>ザイサン</t>
    </rPh>
    <rPh sb="38" eb="40">
      <t>ゾウゲン</t>
    </rPh>
    <rPh sb="41" eb="43">
      <t>ジョウキョウ</t>
    </rPh>
    <rPh sb="44" eb="45">
      <t>アキ</t>
    </rPh>
    <rPh sb="55" eb="57">
      <t>ヒツヨウ</t>
    </rPh>
    <rPh sb="58" eb="60">
      <t>ジコウ</t>
    </rPh>
    <phoneticPr fontId="2"/>
  </si>
  <si>
    <t>特定非営利活動法人○○○○○○</t>
    <rPh sb="0" eb="2">
      <t>トクテイ</t>
    </rPh>
    <rPh sb="2" eb="5">
      <t>ヒエイリ</t>
    </rPh>
    <rPh sb="5" eb="7">
      <t>カツドウ</t>
    </rPh>
    <rPh sb="7" eb="9">
      <t>ホウジン</t>
    </rPh>
    <phoneticPr fontId="2"/>
  </si>
  <si>
    <t>消費税等の会計処理は、○○方式によっています。</t>
    <rPh sb="0" eb="3">
      <t>ショウヒゼイ</t>
    </rPh>
    <rPh sb="3" eb="4">
      <t>トウ</t>
    </rPh>
    <rPh sb="5" eb="7">
      <t>カイケイ</t>
    </rPh>
    <rPh sb="7" eb="9">
      <t>ショリ</t>
    </rPh>
    <rPh sb="13" eb="15">
      <t>ホウシキ</t>
    </rPh>
    <phoneticPr fontId="2"/>
  </si>
  <si>
    <t>計算書類の作成は、○○によっています。</t>
    <rPh sb="0" eb="2">
      <t>ケイサン</t>
    </rPh>
    <rPh sb="2" eb="4">
      <t>ショルイ</t>
    </rPh>
    <phoneticPr fontId="2"/>
  </si>
  <si>
    <t>特定非営利活動
に係る事業</t>
    <rPh sb="0" eb="2">
      <t>トクテイ</t>
    </rPh>
    <rPh sb="2" eb="5">
      <t>ヒエイリ</t>
    </rPh>
    <rPh sb="5" eb="7">
      <t>カツドウ</t>
    </rPh>
    <rPh sb="9" eb="10">
      <t>カカ</t>
    </rPh>
    <rPh sb="11" eb="13">
      <t>ジギョウ</t>
    </rPh>
    <phoneticPr fontId="2"/>
  </si>
  <si>
    <t>合計</t>
    <rPh sb="0" eb="2">
      <t>ゴウケイ</t>
    </rPh>
    <phoneticPr fontId="2"/>
  </si>
  <si>
    <t>△△事業収益</t>
    <rPh sb="2" eb="4">
      <t>ジギョウ</t>
    </rPh>
    <rPh sb="4" eb="6">
      <t>シュウエキ</t>
    </rPh>
    <phoneticPr fontId="2"/>
  </si>
  <si>
    <t>経理区分振替額</t>
    <rPh sb="0" eb="2">
      <t>ケイリ</t>
    </rPh>
    <rPh sb="2" eb="4">
      <t>クブン</t>
    </rPh>
    <rPh sb="4" eb="6">
      <t>フリカエ</t>
    </rPh>
    <rPh sb="6" eb="7">
      <t>ガク</t>
    </rPh>
    <phoneticPr fontId="2"/>
  </si>
  <si>
    <t>前期繰越正味財産額</t>
    <rPh sb="0" eb="2">
      <t>ゼンキ</t>
    </rPh>
    <rPh sb="2" eb="4">
      <t>クリコシ</t>
    </rPh>
    <rPh sb="4" eb="6">
      <t>ショウミ</t>
    </rPh>
    <phoneticPr fontId="2"/>
  </si>
  <si>
    <t>次期繰越正味財産額</t>
  </si>
  <si>
    <t>○年度活動計算書</t>
    <rPh sb="1" eb="2">
      <t>ネン</t>
    </rPh>
    <rPh sb="2" eb="3">
      <t>ド</t>
    </rPh>
    <rPh sb="3" eb="5">
      <t>カツドウ</t>
    </rPh>
    <rPh sb="5" eb="8">
      <t>ケイサンショ</t>
    </rPh>
    <phoneticPr fontId="2"/>
  </si>
  <si>
    <t>その他の事業</t>
    <rPh sb="2" eb="3">
      <t>タ</t>
    </rPh>
    <rPh sb="4" eb="6">
      <t>ジギョウ</t>
    </rPh>
    <phoneticPr fontId="2"/>
  </si>
  <si>
    <t>○年○月○日から○年○月○日まで</t>
    <rPh sb="9" eb="10">
      <t>ネン</t>
    </rPh>
    <rPh sb="11" eb="12">
      <t>ガツ</t>
    </rPh>
    <rPh sb="13" eb="14">
      <t>ニチ</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 &quot;#,##0"/>
    <numFmt numFmtId="177" formatCode="0_);[Red]\(0\)"/>
  </numFmts>
  <fonts count="12">
    <font>
      <sz val="11"/>
      <name val="ＭＳ Ｐゴシック"/>
      <family val="3"/>
      <charset val="128"/>
    </font>
    <font>
      <sz val="11"/>
      <name val="ＭＳ Ｐゴシック"/>
      <family val="3"/>
      <charset val="128"/>
    </font>
    <font>
      <sz val="6"/>
      <name val="ＭＳ Ｐゴシック"/>
      <family val="3"/>
      <charset val="128"/>
    </font>
    <font>
      <sz val="10.5"/>
      <name val="ＭＳ 明朝"/>
      <family val="1"/>
      <charset val="128"/>
    </font>
    <font>
      <u/>
      <sz val="12"/>
      <name val="ＭＳ 明朝"/>
      <family val="1"/>
      <charset val="128"/>
    </font>
    <font>
      <sz val="11"/>
      <name val="ＭＳ Ｐ明朝"/>
      <family val="1"/>
      <charset val="128"/>
    </font>
    <font>
      <u/>
      <sz val="14"/>
      <name val="ＭＳ Ｐ明朝"/>
      <family val="1"/>
      <charset val="128"/>
    </font>
    <font>
      <sz val="10.5"/>
      <color rgb="FF0070C0"/>
      <name val="ＭＳ 明朝"/>
      <family val="1"/>
      <charset val="128"/>
    </font>
    <font>
      <u/>
      <sz val="14"/>
      <name val="ＭＳ 明朝"/>
      <family val="1"/>
      <charset val="128"/>
    </font>
    <font>
      <sz val="9"/>
      <color indexed="81"/>
      <name val="MS P ゴシック"/>
      <family val="3"/>
      <charset val="128"/>
    </font>
    <font>
      <b/>
      <sz val="9"/>
      <color indexed="81"/>
      <name val="MS P ゴシック"/>
      <family val="3"/>
      <charset val="128"/>
    </font>
    <font>
      <sz val="12"/>
      <name val="ＭＳ 明朝"/>
      <family val="1"/>
      <charset val="128"/>
    </font>
  </fonts>
  <fills count="2">
    <fill>
      <patternFill patternType="none"/>
    </fill>
    <fill>
      <patternFill patternType="gray125"/>
    </fill>
  </fills>
  <borders count="18">
    <border>
      <left/>
      <right/>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bottom style="double">
        <color indexed="64"/>
      </bottom>
      <diagonal/>
    </border>
  </borders>
  <cellStyleXfs count="2">
    <xf numFmtId="0" fontId="0" fillId="0" borderId="0"/>
    <xf numFmtId="38" fontId="1" fillId="0" borderId="0" applyFont="0" applyFill="0" applyBorder="0" applyAlignment="0" applyProtection="0"/>
  </cellStyleXfs>
  <cellXfs count="150">
    <xf numFmtId="0" fontId="0" fillId="0" borderId="0" xfId="0"/>
    <xf numFmtId="49" fontId="3" fillId="0" borderId="0" xfId="0" applyNumberFormat="1" applyFont="1" applyAlignment="1">
      <alignment vertical="center"/>
    </xf>
    <xf numFmtId="49" fontId="3" fillId="0" borderId="0" xfId="1" applyNumberFormat="1" applyFont="1" applyAlignment="1">
      <alignment vertical="center" shrinkToFit="1"/>
    </xf>
    <xf numFmtId="49" fontId="3" fillId="0" borderId="0" xfId="1" applyNumberFormat="1" applyFont="1" applyAlignment="1">
      <alignment vertical="center"/>
    </xf>
    <xf numFmtId="49" fontId="3" fillId="0" borderId="0" xfId="0" applyNumberFormat="1" applyFont="1" applyBorder="1" applyAlignment="1">
      <alignment vertical="center"/>
    </xf>
    <xf numFmtId="49" fontId="3" fillId="0" borderId="1" xfId="0" applyNumberFormat="1" applyFont="1" applyFill="1" applyBorder="1" applyAlignment="1">
      <alignment vertical="center"/>
    </xf>
    <xf numFmtId="49" fontId="3" fillId="0" borderId="13" xfId="0" applyNumberFormat="1" applyFont="1" applyFill="1" applyBorder="1" applyAlignment="1">
      <alignment horizontal="center" vertical="center" shrinkToFit="1"/>
    </xf>
    <xf numFmtId="49" fontId="3" fillId="0" borderId="9" xfId="1" applyNumberFormat="1" applyFont="1" applyFill="1" applyBorder="1" applyAlignment="1">
      <alignment horizontal="center" vertical="center" shrinkToFit="1"/>
    </xf>
    <xf numFmtId="49" fontId="3" fillId="0" borderId="6" xfId="1" applyNumberFormat="1" applyFont="1" applyFill="1" applyBorder="1" applyAlignment="1">
      <alignment horizontal="center" vertical="center" shrinkToFit="1"/>
    </xf>
    <xf numFmtId="49" fontId="3" fillId="0" borderId="8" xfId="1" applyNumberFormat="1" applyFont="1" applyFill="1" applyBorder="1" applyAlignment="1">
      <alignment horizontal="center" vertical="center" shrinkToFit="1"/>
    </xf>
    <xf numFmtId="49" fontId="3" fillId="0" borderId="0" xfId="1" applyNumberFormat="1" applyFont="1" applyFill="1" applyAlignment="1">
      <alignment vertical="center"/>
    </xf>
    <xf numFmtId="49" fontId="3" fillId="0" borderId="13" xfId="1" applyNumberFormat="1" applyFont="1" applyFill="1" applyBorder="1" applyAlignment="1">
      <alignment horizontal="center" vertical="center" shrinkToFit="1"/>
    </xf>
    <xf numFmtId="49" fontId="3" fillId="0" borderId="14" xfId="1" applyNumberFormat="1" applyFont="1" applyFill="1" applyBorder="1" applyAlignment="1">
      <alignment horizontal="center" vertical="center" shrinkToFit="1"/>
    </xf>
    <xf numFmtId="177" fontId="3" fillId="0" borderId="15" xfId="1" applyNumberFormat="1" applyFont="1" applyBorder="1" applyAlignment="1">
      <alignment horizontal="right" vertical="center"/>
    </xf>
    <xf numFmtId="177" fontId="3" fillId="0" borderId="0" xfId="1" applyNumberFormat="1" applyFont="1" applyBorder="1" applyAlignment="1">
      <alignment horizontal="right" vertical="center"/>
    </xf>
    <xf numFmtId="177" fontId="3" fillId="0" borderId="13" xfId="1" applyNumberFormat="1" applyFont="1" applyBorder="1" applyAlignment="1">
      <alignment horizontal="right" vertical="center"/>
    </xf>
    <xf numFmtId="177" fontId="3" fillId="0" borderId="13" xfId="1" applyNumberFormat="1" applyFont="1" applyFill="1" applyBorder="1" applyAlignment="1">
      <alignment horizontal="right" vertical="center"/>
    </xf>
    <xf numFmtId="177" fontId="3" fillId="0" borderId="15" xfId="1" applyNumberFormat="1" applyFont="1" applyFill="1" applyBorder="1" applyAlignment="1">
      <alignment horizontal="right" vertical="center"/>
    </xf>
    <xf numFmtId="177" fontId="3" fillId="0" borderId="4" xfId="1" applyNumberFormat="1" applyFont="1" applyBorder="1" applyAlignment="1">
      <alignment horizontal="right" vertical="center"/>
    </xf>
    <xf numFmtId="177" fontId="3" fillId="0" borderId="16" xfId="1" applyNumberFormat="1" applyFont="1" applyFill="1" applyBorder="1" applyAlignment="1">
      <alignment horizontal="right" vertical="center"/>
    </xf>
    <xf numFmtId="49" fontId="0" fillId="0" borderId="0" xfId="0" applyNumberFormat="1" applyAlignment="1">
      <alignment vertical="center"/>
    </xf>
    <xf numFmtId="0" fontId="0" fillId="0" borderId="0" xfId="0" applyAlignment="1">
      <alignment vertical="center"/>
    </xf>
    <xf numFmtId="49" fontId="3" fillId="0" borderId="0" xfId="0" applyNumberFormat="1" applyFont="1" applyFill="1" applyAlignment="1">
      <alignment vertical="center"/>
    </xf>
    <xf numFmtId="49" fontId="5" fillId="0" borderId="0" xfId="0" applyNumberFormat="1" applyFont="1" applyAlignment="1">
      <alignment vertical="center"/>
    </xf>
    <xf numFmtId="49" fontId="5" fillId="0" borderId="0" xfId="1" applyNumberFormat="1" applyFont="1" applyAlignment="1">
      <alignment vertical="center"/>
    </xf>
    <xf numFmtId="49" fontId="4" fillId="0" borderId="0" xfId="0" applyNumberFormat="1" applyFont="1" applyAlignment="1">
      <alignment horizontal="centerContinuous" vertical="center"/>
    </xf>
    <xf numFmtId="49" fontId="6" fillId="0" borderId="0" xfId="0" applyNumberFormat="1" applyFont="1" applyAlignment="1">
      <alignment horizontal="centerContinuous" vertical="center"/>
    </xf>
    <xf numFmtId="49" fontId="6" fillId="0" borderId="0" xfId="0" applyNumberFormat="1" applyFont="1" applyAlignment="1">
      <alignment horizontal="center" vertical="center"/>
    </xf>
    <xf numFmtId="49" fontId="3" fillId="0" borderId="0" xfId="0" applyNumberFormat="1" applyFont="1" applyAlignment="1">
      <alignment horizontal="center" vertical="center"/>
    </xf>
    <xf numFmtId="49" fontId="3" fillId="0" borderId="9" xfId="1" applyNumberFormat="1" applyFont="1" applyFill="1" applyBorder="1" applyAlignment="1">
      <alignment horizontal="center" vertical="center"/>
    </xf>
    <xf numFmtId="49" fontId="3" fillId="0" borderId="10" xfId="0" applyNumberFormat="1" applyFont="1" applyFill="1" applyBorder="1" applyAlignment="1">
      <alignment vertical="center"/>
    </xf>
    <xf numFmtId="49" fontId="3" fillId="0" borderId="11" xfId="0" applyNumberFormat="1" applyFont="1" applyFill="1" applyBorder="1" applyAlignment="1">
      <alignment horizontal="centerContinuous" vertical="center"/>
    </xf>
    <xf numFmtId="49" fontId="3" fillId="0" borderId="2" xfId="0" applyNumberFormat="1" applyFont="1" applyFill="1" applyBorder="1" applyAlignment="1">
      <alignment horizontal="center" vertical="center"/>
    </xf>
    <xf numFmtId="177" fontId="3" fillId="0" borderId="13" xfId="1" applyNumberFormat="1" applyFont="1" applyFill="1" applyBorder="1" applyAlignment="1">
      <alignment horizontal="center" vertical="center"/>
    </xf>
    <xf numFmtId="49" fontId="3" fillId="0" borderId="2" xfId="0" applyNumberFormat="1" applyFont="1" applyFill="1" applyBorder="1" applyAlignment="1">
      <alignment vertical="center"/>
    </xf>
    <xf numFmtId="49" fontId="3" fillId="0" borderId="2" xfId="0" applyNumberFormat="1" applyFont="1" applyFill="1" applyBorder="1" applyAlignment="1">
      <alignment vertical="center" shrinkToFit="1"/>
    </xf>
    <xf numFmtId="49" fontId="3" fillId="0" borderId="2" xfId="0" applyNumberFormat="1" applyFont="1" applyBorder="1" applyAlignment="1">
      <alignment vertical="center"/>
    </xf>
    <xf numFmtId="177" fontId="3" fillId="0" borderId="14" xfId="1" applyNumberFormat="1" applyFont="1" applyBorder="1" applyAlignment="1">
      <alignment horizontal="right" vertical="center"/>
    </xf>
    <xf numFmtId="49" fontId="3" fillId="0" borderId="1" xfId="0" applyNumberFormat="1" applyFont="1" applyFill="1" applyBorder="1" applyAlignment="1">
      <alignment horizontal="centerContinuous" vertical="center"/>
    </xf>
    <xf numFmtId="49" fontId="3" fillId="0" borderId="0" xfId="0" applyNumberFormat="1" applyFont="1" applyFill="1" applyBorder="1" applyAlignment="1">
      <alignment vertical="center"/>
    </xf>
    <xf numFmtId="49" fontId="3" fillId="0" borderId="0" xfId="0" applyNumberFormat="1" applyFont="1" applyFill="1" applyBorder="1" applyAlignment="1">
      <alignment horizontal="centerContinuous" vertical="center"/>
    </xf>
    <xf numFmtId="49" fontId="3" fillId="0" borderId="1" xfId="0" applyNumberFormat="1" applyFont="1" applyBorder="1" applyAlignment="1">
      <alignment vertical="center" shrinkToFit="1"/>
    </xf>
    <xf numFmtId="177" fontId="3" fillId="0" borderId="9" xfId="1" applyNumberFormat="1" applyFont="1" applyBorder="1" applyAlignment="1">
      <alignment horizontal="right" vertical="center"/>
    </xf>
    <xf numFmtId="49" fontId="3" fillId="0" borderId="1" xfId="0" applyNumberFormat="1" applyFont="1" applyBorder="1" applyAlignment="1">
      <alignment vertical="center"/>
    </xf>
    <xf numFmtId="177" fontId="3" fillId="0" borderId="16" xfId="1" applyNumberFormat="1" applyFont="1" applyBorder="1" applyAlignment="1">
      <alignment horizontal="right" vertical="center"/>
    </xf>
    <xf numFmtId="49" fontId="3" fillId="0" borderId="3" xfId="0" applyNumberFormat="1" applyFont="1" applyBorder="1" applyAlignment="1">
      <alignment horizontal="centerContinuous" vertical="center"/>
    </xf>
    <xf numFmtId="49" fontId="3" fillId="0" borderId="4" xfId="0" applyNumberFormat="1" applyFont="1" applyBorder="1" applyAlignment="1">
      <alignment vertical="center"/>
    </xf>
    <xf numFmtId="49" fontId="3" fillId="0" borderId="5" xfId="0" applyNumberFormat="1" applyFont="1" applyBorder="1" applyAlignment="1">
      <alignment horizontal="centerContinuous" vertical="center"/>
    </xf>
    <xf numFmtId="49" fontId="3" fillId="0" borderId="0" xfId="1" applyNumberFormat="1" applyFont="1" applyAlignment="1">
      <alignment horizontal="right" vertical="center"/>
    </xf>
    <xf numFmtId="49" fontId="3" fillId="0" borderId="6" xfId="0" applyNumberFormat="1" applyFont="1" applyFill="1" applyBorder="1" applyAlignment="1">
      <alignment horizontal="centerContinuous" vertical="center"/>
    </xf>
    <xf numFmtId="49" fontId="3" fillId="0" borderId="7" xfId="0" applyNumberFormat="1" applyFont="1" applyFill="1" applyBorder="1" applyAlignment="1">
      <alignment horizontal="centerContinuous" vertical="center"/>
    </xf>
    <xf numFmtId="49" fontId="3" fillId="0" borderId="8" xfId="0" applyNumberFormat="1" applyFont="1" applyFill="1" applyBorder="1" applyAlignment="1">
      <alignment horizontal="centerContinuous" vertical="center"/>
    </xf>
    <xf numFmtId="49" fontId="3" fillId="0" borderId="6" xfId="1" applyNumberFormat="1" applyFont="1" applyFill="1" applyBorder="1" applyAlignment="1">
      <alignment horizontal="centerContinuous" vertical="center"/>
    </xf>
    <xf numFmtId="49" fontId="3" fillId="0" borderId="7" xfId="1" applyNumberFormat="1" applyFont="1" applyFill="1" applyBorder="1" applyAlignment="1">
      <alignment horizontal="centerContinuous" vertical="center"/>
    </xf>
    <xf numFmtId="49" fontId="3" fillId="0" borderId="8" xfId="1" applyNumberFormat="1" applyFont="1" applyFill="1" applyBorder="1" applyAlignment="1">
      <alignment horizontal="centerContinuous" vertical="center"/>
    </xf>
    <xf numFmtId="49" fontId="3" fillId="0" borderId="10" xfId="0" applyNumberFormat="1" applyFont="1" applyBorder="1" applyAlignment="1">
      <alignment horizontal="left" vertical="center"/>
    </xf>
    <xf numFmtId="49" fontId="3" fillId="0" borderId="11" xfId="0" applyNumberFormat="1" applyFont="1" applyBorder="1" applyAlignment="1">
      <alignment horizontal="left" vertical="center"/>
    </xf>
    <xf numFmtId="49" fontId="3" fillId="0" borderId="12" xfId="0" applyNumberFormat="1" applyFont="1" applyBorder="1" applyAlignment="1">
      <alignment horizontal="left" vertical="center"/>
    </xf>
    <xf numFmtId="49" fontId="3" fillId="0" borderId="10" xfId="1" applyNumberFormat="1" applyFont="1" applyFill="1" applyBorder="1" applyAlignment="1">
      <alignment horizontal="left" vertical="center"/>
    </xf>
    <xf numFmtId="49" fontId="3" fillId="0" borderId="11" xfId="0" applyNumberFormat="1" applyFont="1" applyBorder="1" applyAlignment="1">
      <alignment vertical="center"/>
    </xf>
    <xf numFmtId="49" fontId="3" fillId="0" borderId="12" xfId="0" applyNumberFormat="1" applyFont="1" applyBorder="1" applyAlignment="1">
      <alignment vertical="center"/>
    </xf>
    <xf numFmtId="49" fontId="3" fillId="0" borderId="3" xfId="0" applyNumberFormat="1" applyFont="1" applyBorder="1" applyAlignment="1">
      <alignment vertical="center"/>
    </xf>
    <xf numFmtId="49" fontId="3" fillId="0" borderId="5" xfId="0" applyNumberFormat="1" applyFont="1" applyBorder="1" applyAlignment="1">
      <alignment vertical="center"/>
    </xf>
    <xf numFmtId="177" fontId="3" fillId="0" borderId="14" xfId="0" applyNumberFormat="1" applyFont="1" applyBorder="1" applyAlignment="1">
      <alignment vertical="center"/>
    </xf>
    <xf numFmtId="49" fontId="3" fillId="0" borderId="10" xfId="1" applyNumberFormat="1" applyFont="1" applyBorder="1" applyAlignment="1">
      <alignment horizontal="left" vertical="center"/>
    </xf>
    <xf numFmtId="49" fontId="3" fillId="0" borderId="11" xfId="1" applyNumberFormat="1" applyFont="1" applyBorder="1" applyAlignment="1">
      <alignment horizontal="left" vertical="center"/>
    </xf>
    <xf numFmtId="49" fontId="3" fillId="0" borderId="12" xfId="1" applyNumberFormat="1" applyFont="1" applyBorder="1" applyAlignment="1">
      <alignment horizontal="left" vertical="center"/>
    </xf>
    <xf numFmtId="49" fontId="3" fillId="0" borderId="3" xfId="1" applyNumberFormat="1" applyFont="1" applyBorder="1" applyAlignment="1">
      <alignment horizontal="left" vertical="center"/>
    </xf>
    <xf numFmtId="49" fontId="3" fillId="0" borderId="4" xfId="1" applyNumberFormat="1" applyFont="1" applyBorder="1" applyAlignment="1">
      <alignment horizontal="left" vertical="center"/>
    </xf>
    <xf numFmtId="49" fontId="3" fillId="0" borderId="5" xfId="1" applyNumberFormat="1" applyFont="1" applyBorder="1" applyAlignment="1">
      <alignment horizontal="left" vertical="center"/>
    </xf>
    <xf numFmtId="49" fontId="3" fillId="0" borderId="10" xfId="0" applyNumberFormat="1" applyFont="1" applyBorder="1" applyAlignment="1">
      <alignment vertical="center"/>
    </xf>
    <xf numFmtId="49" fontId="7" fillId="0" borderId="11" xfId="0" applyNumberFormat="1" applyFont="1" applyBorder="1" applyAlignment="1">
      <alignment vertical="center"/>
    </xf>
    <xf numFmtId="49" fontId="7" fillId="0" borderId="12" xfId="0" applyNumberFormat="1" applyFont="1" applyBorder="1" applyAlignment="1">
      <alignment vertical="center"/>
    </xf>
    <xf numFmtId="49" fontId="3" fillId="0" borderId="10" xfId="1" applyNumberFormat="1" applyFont="1" applyFill="1" applyBorder="1" applyAlignment="1">
      <alignment vertical="center"/>
    </xf>
    <xf numFmtId="49" fontId="3" fillId="0" borderId="11" xfId="0" applyNumberFormat="1" applyFont="1" applyFill="1" applyBorder="1" applyAlignment="1">
      <alignment vertical="center"/>
    </xf>
    <xf numFmtId="49" fontId="7" fillId="0" borderId="12" xfId="0" applyNumberFormat="1" applyFont="1" applyFill="1" applyBorder="1" applyAlignment="1">
      <alignment vertical="center"/>
    </xf>
    <xf numFmtId="49" fontId="7" fillId="0" borderId="0" xfId="0" applyNumberFormat="1" applyFont="1" applyBorder="1" applyAlignment="1">
      <alignment vertical="center"/>
    </xf>
    <xf numFmtId="49" fontId="7" fillId="0" borderId="2" xfId="0" applyNumberFormat="1" applyFont="1" applyBorder="1" applyAlignment="1">
      <alignment vertical="center"/>
    </xf>
    <xf numFmtId="177" fontId="3" fillId="0" borderId="15" xfId="0" applyNumberFormat="1" applyFont="1" applyFill="1" applyBorder="1" applyAlignment="1">
      <alignment vertical="center"/>
    </xf>
    <xf numFmtId="177" fontId="3" fillId="0" borderId="15" xfId="0" applyNumberFormat="1" applyFont="1" applyBorder="1" applyAlignment="1">
      <alignment vertical="center"/>
    </xf>
    <xf numFmtId="177" fontId="3" fillId="0" borderId="14" xfId="0" applyNumberFormat="1" applyFont="1" applyFill="1" applyBorder="1" applyAlignment="1">
      <alignment vertical="center"/>
    </xf>
    <xf numFmtId="49" fontId="3" fillId="0" borderId="4" xfId="0" applyNumberFormat="1" applyFont="1" applyBorder="1" applyAlignment="1">
      <alignment horizontal="centerContinuous" vertical="center"/>
    </xf>
    <xf numFmtId="0" fontId="3" fillId="0" borderId="0" xfId="0" applyFont="1" applyAlignment="1">
      <alignment vertical="center"/>
    </xf>
    <xf numFmtId="38" fontId="3" fillId="0" borderId="0" xfId="1" applyFont="1" applyAlignment="1">
      <alignment vertical="center"/>
    </xf>
    <xf numFmtId="176" fontId="3" fillId="0" borderId="0" xfId="0" applyNumberFormat="1" applyFont="1" applyAlignment="1">
      <alignment vertical="center"/>
    </xf>
    <xf numFmtId="177" fontId="3" fillId="0" borderId="13" xfId="1" applyNumberFormat="1" applyFont="1" applyBorder="1" applyAlignment="1">
      <alignment vertical="center"/>
    </xf>
    <xf numFmtId="177" fontId="3" fillId="0" borderId="0" xfId="1" applyNumberFormat="1" applyFont="1" applyBorder="1" applyAlignment="1">
      <alignment vertical="center"/>
    </xf>
    <xf numFmtId="177" fontId="3" fillId="0" borderId="15" xfId="1" applyNumberFormat="1" applyFont="1" applyBorder="1" applyAlignment="1">
      <alignment vertical="center"/>
    </xf>
    <xf numFmtId="177" fontId="3" fillId="0" borderId="2" xfId="1" applyNumberFormat="1" applyFont="1" applyBorder="1" applyAlignment="1">
      <alignment vertical="center"/>
    </xf>
    <xf numFmtId="177" fontId="3" fillId="0" borderId="2" xfId="1" applyNumberFormat="1" applyFont="1" applyBorder="1" applyAlignment="1">
      <alignment horizontal="right" vertical="center"/>
    </xf>
    <xf numFmtId="177" fontId="3" fillId="0" borderId="5" xfId="1" applyNumberFormat="1" applyFont="1" applyBorder="1" applyAlignment="1">
      <alignment horizontal="right" vertical="center"/>
    </xf>
    <xf numFmtId="177" fontId="3" fillId="0" borderId="11" xfId="1" applyNumberFormat="1" applyFont="1" applyBorder="1" applyAlignment="1">
      <alignment horizontal="right" vertical="center"/>
    </xf>
    <xf numFmtId="177" fontId="3" fillId="0" borderId="12" xfId="1" applyNumberFormat="1" applyFont="1" applyBorder="1" applyAlignment="1">
      <alignment horizontal="right" vertical="center"/>
    </xf>
    <xf numFmtId="49" fontId="3" fillId="0" borderId="3" xfId="0" applyNumberFormat="1" applyFont="1" applyFill="1" applyBorder="1" applyAlignment="1">
      <alignment vertical="center"/>
    </xf>
    <xf numFmtId="49" fontId="3" fillId="0" borderId="4" xfId="0" applyNumberFormat="1" applyFont="1" applyFill="1" applyBorder="1" applyAlignment="1">
      <alignment vertical="center"/>
    </xf>
    <xf numFmtId="49" fontId="3" fillId="0" borderId="5" xfId="0" applyNumberFormat="1" applyFont="1" applyFill="1" applyBorder="1" applyAlignment="1">
      <alignment vertical="center"/>
    </xf>
    <xf numFmtId="49" fontId="3" fillId="0" borderId="0" xfId="0" applyNumberFormat="1" applyFont="1" applyAlignment="1">
      <alignment vertical="center" wrapText="1"/>
    </xf>
    <xf numFmtId="0" fontId="3" fillId="0" borderId="0" xfId="0" applyFont="1" applyAlignment="1">
      <alignment vertical="center" wrapText="1"/>
    </xf>
    <xf numFmtId="0" fontId="3" fillId="0" borderId="9" xfId="0" applyFont="1" applyBorder="1" applyAlignment="1">
      <alignment horizontal="center" vertical="center"/>
    </xf>
    <xf numFmtId="0" fontId="3" fillId="0" borderId="8" xfId="0" applyFont="1" applyBorder="1" applyAlignment="1">
      <alignment horizontal="center" vertical="center"/>
    </xf>
    <xf numFmtId="0" fontId="11" fillId="0" borderId="0" xfId="0" applyFont="1" applyAlignment="1">
      <alignment vertical="center"/>
    </xf>
    <xf numFmtId="49" fontId="3" fillId="0" borderId="0" xfId="0" applyNumberFormat="1" applyFont="1" applyAlignment="1">
      <alignment horizontal="right" vertical="center"/>
    </xf>
    <xf numFmtId="0" fontId="3" fillId="0" borderId="9" xfId="0" applyFont="1" applyBorder="1" applyAlignment="1">
      <alignment horizontal="center" vertical="center" wrapText="1"/>
    </xf>
    <xf numFmtId="176" fontId="3" fillId="0" borderId="0" xfId="0" applyNumberFormat="1" applyFont="1" applyAlignment="1">
      <alignment horizontal="right" vertical="center"/>
    </xf>
    <xf numFmtId="176" fontId="3" fillId="0" borderId="15" xfId="0" applyNumberFormat="1" applyFont="1" applyBorder="1" applyAlignment="1">
      <alignment horizontal="right" vertical="center"/>
    </xf>
    <xf numFmtId="176" fontId="3" fillId="0" borderId="13" xfId="0" applyNumberFormat="1" applyFont="1" applyBorder="1" applyAlignment="1">
      <alignment horizontal="right" vertical="center"/>
    </xf>
    <xf numFmtId="176" fontId="3" fillId="0" borderId="2" xfId="0" applyNumberFormat="1" applyFont="1" applyBorder="1" applyAlignment="1">
      <alignment horizontal="right" vertical="center"/>
    </xf>
    <xf numFmtId="176" fontId="3" fillId="0" borderId="14" xfId="0" applyNumberFormat="1" applyFont="1" applyBorder="1" applyAlignment="1">
      <alignment horizontal="right" vertical="center"/>
    </xf>
    <xf numFmtId="176" fontId="3" fillId="0" borderId="9" xfId="0" applyNumberFormat="1" applyFont="1" applyBorder="1" applyAlignment="1">
      <alignment horizontal="right" vertical="center"/>
    </xf>
    <xf numFmtId="176" fontId="3" fillId="0" borderId="1" xfId="0" applyNumberFormat="1" applyFont="1" applyBorder="1" applyAlignment="1">
      <alignment horizontal="right" vertical="center"/>
    </xf>
    <xf numFmtId="176" fontId="3" fillId="0" borderId="8" xfId="0" applyNumberFormat="1" applyFont="1" applyBorder="1" applyAlignment="1">
      <alignment horizontal="right" vertical="center"/>
    </xf>
    <xf numFmtId="176" fontId="3" fillId="0" borderId="5" xfId="0" applyNumberFormat="1" applyFont="1" applyBorder="1" applyAlignment="1">
      <alignment horizontal="right" vertical="center"/>
    </xf>
    <xf numFmtId="176" fontId="3" fillId="0" borderId="17" xfId="0" applyNumberFormat="1" applyFont="1" applyBorder="1" applyAlignment="1">
      <alignment horizontal="right" vertical="center"/>
    </xf>
    <xf numFmtId="176" fontId="3" fillId="0" borderId="4" xfId="0" applyNumberFormat="1" applyFont="1" applyBorder="1" applyAlignment="1">
      <alignment horizontal="right" vertical="center"/>
    </xf>
    <xf numFmtId="176" fontId="3" fillId="0" borderId="16" xfId="0" applyNumberFormat="1" applyFont="1" applyBorder="1" applyAlignment="1">
      <alignment horizontal="right" vertical="center"/>
    </xf>
    <xf numFmtId="49" fontId="3" fillId="0" borderId="0" xfId="0" applyNumberFormat="1" applyFont="1" applyAlignment="1">
      <alignment horizontal="center" vertical="center" shrinkToFit="1"/>
    </xf>
    <xf numFmtId="49" fontId="8" fillId="0" borderId="0" xfId="0" applyNumberFormat="1" applyFont="1" applyAlignment="1">
      <alignment horizontal="center" vertical="center"/>
    </xf>
    <xf numFmtId="49" fontId="3" fillId="0" borderId="0" xfId="0" applyNumberFormat="1" applyFont="1" applyAlignment="1">
      <alignment horizontal="center" vertical="center"/>
    </xf>
    <xf numFmtId="0" fontId="3" fillId="0" borderId="0" xfId="0" applyFont="1" applyAlignment="1">
      <alignment horizontal="right" vertical="center"/>
    </xf>
    <xf numFmtId="49" fontId="3" fillId="0" borderId="6" xfId="0" applyNumberFormat="1" applyFont="1" applyBorder="1" applyAlignment="1">
      <alignment horizontal="center" vertical="center"/>
    </xf>
    <xf numFmtId="49" fontId="3" fillId="0" borderId="7" xfId="0" applyNumberFormat="1" applyFont="1" applyBorder="1" applyAlignment="1">
      <alignment horizontal="center" vertical="center"/>
    </xf>
    <xf numFmtId="49" fontId="3" fillId="0" borderId="8" xfId="0" applyNumberFormat="1" applyFont="1" applyBorder="1" applyAlignment="1">
      <alignment horizontal="center" vertical="center"/>
    </xf>
    <xf numFmtId="49" fontId="3" fillId="0" borderId="0" xfId="0" applyNumberFormat="1" applyFont="1" applyAlignment="1">
      <alignment vertical="center" wrapText="1"/>
    </xf>
    <xf numFmtId="49" fontId="3" fillId="0" borderId="1" xfId="0" applyNumberFormat="1" applyFont="1" applyFill="1" applyBorder="1" applyAlignment="1">
      <alignment horizontal="center" vertical="center" shrinkToFit="1"/>
    </xf>
    <xf numFmtId="49" fontId="3" fillId="0" borderId="0" xfId="0" applyNumberFormat="1" applyFont="1" applyFill="1" applyBorder="1" applyAlignment="1">
      <alignment horizontal="center" vertical="center" shrinkToFit="1"/>
    </xf>
    <xf numFmtId="49" fontId="3" fillId="0" borderId="1" xfId="0" applyNumberFormat="1" applyFont="1" applyBorder="1" applyAlignment="1">
      <alignment horizontal="center" vertical="center" shrinkToFit="1"/>
    </xf>
    <xf numFmtId="49" fontId="3" fillId="0" borderId="0" xfId="0" applyNumberFormat="1" applyFont="1" applyBorder="1" applyAlignment="1">
      <alignment horizontal="center" vertical="center" shrinkToFit="1"/>
    </xf>
    <xf numFmtId="49" fontId="3" fillId="0" borderId="10" xfId="0" applyNumberFormat="1" applyFont="1" applyFill="1" applyBorder="1" applyAlignment="1">
      <alignment horizontal="center" vertical="center"/>
    </xf>
    <xf numFmtId="49" fontId="3" fillId="0" borderId="11" xfId="0" applyNumberFormat="1" applyFont="1" applyFill="1" applyBorder="1" applyAlignment="1">
      <alignment horizontal="center" vertical="center"/>
    </xf>
    <xf numFmtId="49" fontId="3" fillId="0" borderId="12" xfId="0" applyNumberFormat="1" applyFont="1" applyFill="1" applyBorder="1" applyAlignment="1">
      <alignment horizontal="center" vertical="center"/>
    </xf>
    <xf numFmtId="49" fontId="3" fillId="0" borderId="0" xfId="0" applyNumberFormat="1" applyFont="1" applyFill="1" applyAlignment="1">
      <alignment vertical="center" wrapText="1"/>
    </xf>
    <xf numFmtId="49" fontId="3" fillId="0" borderId="0" xfId="0" applyNumberFormat="1" applyFont="1" applyFill="1" applyAlignment="1">
      <alignment vertical="center"/>
    </xf>
    <xf numFmtId="49" fontId="3" fillId="0" borderId="10" xfId="1" applyNumberFormat="1" applyFont="1" applyFill="1" applyBorder="1" applyAlignment="1">
      <alignment horizontal="center" vertical="center"/>
    </xf>
    <xf numFmtId="49" fontId="3" fillId="0" borderId="11" xfId="1" applyNumberFormat="1" applyFont="1" applyFill="1" applyBorder="1" applyAlignment="1">
      <alignment horizontal="center" vertical="center"/>
    </xf>
    <xf numFmtId="49" fontId="3" fillId="0" borderId="12" xfId="1" applyNumberFormat="1" applyFont="1" applyFill="1" applyBorder="1" applyAlignment="1">
      <alignment horizontal="center" vertical="center"/>
    </xf>
    <xf numFmtId="49" fontId="3" fillId="0" borderId="1" xfId="1" applyNumberFormat="1" applyFont="1" applyFill="1" applyBorder="1" applyAlignment="1">
      <alignment vertical="center" wrapText="1"/>
    </xf>
    <xf numFmtId="49" fontId="3" fillId="0" borderId="0" xfId="1" applyNumberFormat="1" applyFont="1" applyFill="1" applyBorder="1" applyAlignment="1">
      <alignment vertical="center" wrapText="1"/>
    </xf>
    <xf numFmtId="49" fontId="3" fillId="0" borderId="2" xfId="1" applyNumberFormat="1" applyFont="1" applyFill="1" applyBorder="1" applyAlignment="1">
      <alignment vertical="center" wrapText="1"/>
    </xf>
    <xf numFmtId="49" fontId="3" fillId="0" borderId="3" xfId="1" applyNumberFormat="1" applyFont="1" applyFill="1" applyBorder="1" applyAlignment="1">
      <alignment vertical="center" wrapText="1"/>
    </xf>
    <xf numFmtId="49" fontId="3" fillId="0" borderId="4" xfId="1" applyNumberFormat="1" applyFont="1" applyFill="1" applyBorder="1" applyAlignment="1">
      <alignment vertical="center" wrapText="1"/>
    </xf>
    <xf numFmtId="49" fontId="3" fillId="0" borderId="5" xfId="1" applyNumberFormat="1" applyFont="1" applyFill="1" applyBorder="1" applyAlignment="1">
      <alignment vertical="center" wrapText="1"/>
    </xf>
    <xf numFmtId="49" fontId="3" fillId="0" borderId="6" xfId="0" applyNumberFormat="1" applyFont="1" applyFill="1" applyBorder="1" applyAlignment="1">
      <alignment horizontal="center" vertical="center" shrinkToFit="1"/>
    </xf>
    <xf numFmtId="49" fontId="3" fillId="0" borderId="7" xfId="0" applyNumberFormat="1" applyFont="1" applyFill="1" applyBorder="1" applyAlignment="1">
      <alignment horizontal="center" vertical="center" shrinkToFit="1"/>
    </xf>
    <xf numFmtId="49" fontId="3" fillId="0" borderId="8" xfId="0" applyNumberFormat="1" applyFont="1" applyFill="1" applyBorder="1" applyAlignment="1">
      <alignment horizontal="center" vertical="center" shrinkToFit="1"/>
    </xf>
    <xf numFmtId="49" fontId="3" fillId="0" borderId="3" xfId="0" applyNumberFormat="1" applyFont="1" applyFill="1" applyBorder="1" applyAlignment="1">
      <alignment horizontal="center" vertical="center"/>
    </xf>
    <xf numFmtId="49" fontId="3" fillId="0" borderId="4" xfId="0" applyNumberFormat="1" applyFont="1" applyFill="1" applyBorder="1" applyAlignment="1">
      <alignment horizontal="center" vertical="center"/>
    </xf>
    <xf numFmtId="49" fontId="3" fillId="0" borderId="5" xfId="0" applyNumberFormat="1" applyFont="1" applyFill="1" applyBorder="1" applyAlignment="1">
      <alignment horizontal="center" vertical="center"/>
    </xf>
    <xf numFmtId="49" fontId="3" fillId="0" borderId="6" xfId="0" applyNumberFormat="1" applyFont="1" applyFill="1" applyBorder="1" applyAlignment="1">
      <alignment horizontal="center" vertical="center"/>
    </xf>
    <xf numFmtId="49" fontId="3" fillId="0" borderId="7" xfId="0" applyNumberFormat="1" applyFont="1" applyFill="1" applyBorder="1" applyAlignment="1">
      <alignment horizontal="center" vertical="center"/>
    </xf>
    <xf numFmtId="49" fontId="3" fillId="0" borderId="8" xfId="0" applyNumberFormat="1" applyFont="1" applyFill="1" applyBorder="1" applyAlignment="1">
      <alignment horizontal="center" vertical="center"/>
    </xf>
  </cellXfs>
  <cellStyles count="2">
    <cellStyle name="桁区切り" xfId="1" builtinId="6"/>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I67"/>
  <sheetViews>
    <sheetView tabSelected="1" zoomScaleNormal="100" zoomScaleSheetLayoutView="100" workbookViewId="0">
      <selection sqref="A1:I1"/>
    </sheetView>
  </sheetViews>
  <sheetFormatPr defaultRowHeight="5.85" customHeight="1"/>
  <cols>
    <col min="1" max="2" width="2.625" style="20" customWidth="1"/>
    <col min="3" max="5" width="2.125" style="20" customWidth="1"/>
    <col min="6" max="6" width="29" style="20" customWidth="1"/>
    <col min="7" max="9" width="16.625" style="21" customWidth="1"/>
    <col min="10" max="256" width="9" style="21"/>
    <col min="257" max="258" width="2.625" style="21" customWidth="1"/>
    <col min="259" max="261" width="2.125" style="21" customWidth="1"/>
    <col min="262" max="262" width="29" style="21" customWidth="1"/>
    <col min="263" max="265" width="16.625" style="21" customWidth="1"/>
    <col min="266" max="512" width="9" style="21"/>
    <col min="513" max="514" width="2.625" style="21" customWidth="1"/>
    <col min="515" max="517" width="2.125" style="21" customWidth="1"/>
    <col min="518" max="518" width="29" style="21" customWidth="1"/>
    <col min="519" max="521" width="16.625" style="21" customWidth="1"/>
    <col min="522" max="768" width="9" style="21"/>
    <col min="769" max="770" width="2.625" style="21" customWidth="1"/>
    <col min="771" max="773" width="2.125" style="21" customWidth="1"/>
    <col min="774" max="774" width="29" style="21" customWidth="1"/>
    <col min="775" max="777" width="16.625" style="21" customWidth="1"/>
    <col min="778" max="1024" width="9" style="21"/>
    <col min="1025" max="1026" width="2.625" style="21" customWidth="1"/>
    <col min="1027" max="1029" width="2.125" style="21" customWidth="1"/>
    <col min="1030" max="1030" width="29" style="21" customWidth="1"/>
    <col min="1031" max="1033" width="16.625" style="21" customWidth="1"/>
    <col min="1034" max="1280" width="9" style="21"/>
    <col min="1281" max="1282" width="2.625" style="21" customWidth="1"/>
    <col min="1283" max="1285" width="2.125" style="21" customWidth="1"/>
    <col min="1286" max="1286" width="29" style="21" customWidth="1"/>
    <col min="1287" max="1289" width="16.625" style="21" customWidth="1"/>
    <col min="1290" max="1536" width="9" style="21"/>
    <col min="1537" max="1538" width="2.625" style="21" customWidth="1"/>
    <col min="1539" max="1541" width="2.125" style="21" customWidth="1"/>
    <col min="1542" max="1542" width="29" style="21" customWidth="1"/>
    <col min="1543" max="1545" width="16.625" style="21" customWidth="1"/>
    <col min="1546" max="1792" width="9" style="21"/>
    <col min="1793" max="1794" width="2.625" style="21" customWidth="1"/>
    <col min="1795" max="1797" width="2.125" style="21" customWidth="1"/>
    <col min="1798" max="1798" width="29" style="21" customWidth="1"/>
    <col min="1799" max="1801" width="16.625" style="21" customWidth="1"/>
    <col min="1802" max="2048" width="9" style="21"/>
    <col min="2049" max="2050" width="2.625" style="21" customWidth="1"/>
    <col min="2051" max="2053" width="2.125" style="21" customWidth="1"/>
    <col min="2054" max="2054" width="29" style="21" customWidth="1"/>
    <col min="2055" max="2057" width="16.625" style="21" customWidth="1"/>
    <col min="2058" max="2304" width="9" style="21"/>
    <col min="2305" max="2306" width="2.625" style="21" customWidth="1"/>
    <col min="2307" max="2309" width="2.125" style="21" customWidth="1"/>
    <col min="2310" max="2310" width="29" style="21" customWidth="1"/>
    <col min="2311" max="2313" width="16.625" style="21" customWidth="1"/>
    <col min="2314" max="2560" width="9" style="21"/>
    <col min="2561" max="2562" width="2.625" style="21" customWidth="1"/>
    <col min="2563" max="2565" width="2.125" style="21" customWidth="1"/>
    <col min="2566" max="2566" width="29" style="21" customWidth="1"/>
    <col min="2567" max="2569" width="16.625" style="21" customWidth="1"/>
    <col min="2570" max="2816" width="9" style="21"/>
    <col min="2817" max="2818" width="2.625" style="21" customWidth="1"/>
    <col min="2819" max="2821" width="2.125" style="21" customWidth="1"/>
    <col min="2822" max="2822" width="29" style="21" customWidth="1"/>
    <col min="2823" max="2825" width="16.625" style="21" customWidth="1"/>
    <col min="2826" max="3072" width="9" style="21"/>
    <col min="3073" max="3074" width="2.625" style="21" customWidth="1"/>
    <col min="3075" max="3077" width="2.125" style="21" customWidth="1"/>
    <col min="3078" max="3078" width="29" style="21" customWidth="1"/>
    <col min="3079" max="3081" width="16.625" style="21" customWidth="1"/>
    <col min="3082" max="3328" width="9" style="21"/>
    <col min="3329" max="3330" width="2.625" style="21" customWidth="1"/>
    <col min="3331" max="3333" width="2.125" style="21" customWidth="1"/>
    <col min="3334" max="3334" width="29" style="21" customWidth="1"/>
    <col min="3335" max="3337" width="16.625" style="21" customWidth="1"/>
    <col min="3338" max="3584" width="9" style="21"/>
    <col min="3585" max="3586" width="2.625" style="21" customWidth="1"/>
    <col min="3587" max="3589" width="2.125" style="21" customWidth="1"/>
    <col min="3590" max="3590" width="29" style="21" customWidth="1"/>
    <col min="3591" max="3593" width="16.625" style="21" customWidth="1"/>
    <col min="3594" max="3840" width="9" style="21"/>
    <col min="3841" max="3842" width="2.625" style="21" customWidth="1"/>
    <col min="3843" max="3845" width="2.125" style="21" customWidth="1"/>
    <col min="3846" max="3846" width="29" style="21" customWidth="1"/>
    <col min="3847" max="3849" width="16.625" style="21" customWidth="1"/>
    <col min="3850" max="4096" width="9" style="21"/>
    <col min="4097" max="4098" width="2.625" style="21" customWidth="1"/>
    <col min="4099" max="4101" width="2.125" style="21" customWidth="1"/>
    <col min="4102" max="4102" width="29" style="21" customWidth="1"/>
    <col min="4103" max="4105" width="16.625" style="21" customWidth="1"/>
    <col min="4106" max="4352" width="9" style="21"/>
    <col min="4353" max="4354" width="2.625" style="21" customWidth="1"/>
    <col min="4355" max="4357" width="2.125" style="21" customWidth="1"/>
    <col min="4358" max="4358" width="29" style="21" customWidth="1"/>
    <col min="4359" max="4361" width="16.625" style="21" customWidth="1"/>
    <col min="4362" max="4608" width="9" style="21"/>
    <col min="4609" max="4610" width="2.625" style="21" customWidth="1"/>
    <col min="4611" max="4613" width="2.125" style="21" customWidth="1"/>
    <col min="4614" max="4614" width="29" style="21" customWidth="1"/>
    <col min="4615" max="4617" width="16.625" style="21" customWidth="1"/>
    <col min="4618" max="4864" width="9" style="21"/>
    <col min="4865" max="4866" width="2.625" style="21" customWidth="1"/>
    <col min="4867" max="4869" width="2.125" style="21" customWidth="1"/>
    <col min="4870" max="4870" width="29" style="21" customWidth="1"/>
    <col min="4871" max="4873" width="16.625" style="21" customWidth="1"/>
    <col min="4874" max="5120" width="9" style="21"/>
    <col min="5121" max="5122" width="2.625" style="21" customWidth="1"/>
    <col min="5123" max="5125" width="2.125" style="21" customWidth="1"/>
    <col min="5126" max="5126" width="29" style="21" customWidth="1"/>
    <col min="5127" max="5129" width="16.625" style="21" customWidth="1"/>
    <col min="5130" max="5376" width="9" style="21"/>
    <col min="5377" max="5378" width="2.625" style="21" customWidth="1"/>
    <col min="5379" max="5381" width="2.125" style="21" customWidth="1"/>
    <col min="5382" max="5382" width="29" style="21" customWidth="1"/>
    <col min="5383" max="5385" width="16.625" style="21" customWidth="1"/>
    <col min="5386" max="5632" width="9" style="21"/>
    <col min="5633" max="5634" width="2.625" style="21" customWidth="1"/>
    <col min="5635" max="5637" width="2.125" style="21" customWidth="1"/>
    <col min="5638" max="5638" width="29" style="21" customWidth="1"/>
    <col min="5639" max="5641" width="16.625" style="21" customWidth="1"/>
    <col min="5642" max="5888" width="9" style="21"/>
    <col min="5889" max="5890" width="2.625" style="21" customWidth="1"/>
    <col min="5891" max="5893" width="2.125" style="21" customWidth="1"/>
    <col min="5894" max="5894" width="29" style="21" customWidth="1"/>
    <col min="5895" max="5897" width="16.625" style="21" customWidth="1"/>
    <col min="5898" max="6144" width="9" style="21"/>
    <col min="6145" max="6146" width="2.625" style="21" customWidth="1"/>
    <col min="6147" max="6149" width="2.125" style="21" customWidth="1"/>
    <col min="6150" max="6150" width="29" style="21" customWidth="1"/>
    <col min="6151" max="6153" width="16.625" style="21" customWidth="1"/>
    <col min="6154" max="6400" width="9" style="21"/>
    <col min="6401" max="6402" width="2.625" style="21" customWidth="1"/>
    <col min="6403" max="6405" width="2.125" style="21" customWidth="1"/>
    <col min="6406" max="6406" width="29" style="21" customWidth="1"/>
    <col min="6407" max="6409" width="16.625" style="21" customWidth="1"/>
    <col min="6410" max="6656" width="9" style="21"/>
    <col min="6657" max="6658" width="2.625" style="21" customWidth="1"/>
    <col min="6659" max="6661" width="2.125" style="21" customWidth="1"/>
    <col min="6662" max="6662" width="29" style="21" customWidth="1"/>
    <col min="6663" max="6665" width="16.625" style="21" customWidth="1"/>
    <col min="6666" max="6912" width="9" style="21"/>
    <col min="6913" max="6914" width="2.625" style="21" customWidth="1"/>
    <col min="6915" max="6917" width="2.125" style="21" customWidth="1"/>
    <col min="6918" max="6918" width="29" style="21" customWidth="1"/>
    <col min="6919" max="6921" width="16.625" style="21" customWidth="1"/>
    <col min="6922" max="7168" width="9" style="21"/>
    <col min="7169" max="7170" width="2.625" style="21" customWidth="1"/>
    <col min="7171" max="7173" width="2.125" style="21" customWidth="1"/>
    <col min="7174" max="7174" width="29" style="21" customWidth="1"/>
    <col min="7175" max="7177" width="16.625" style="21" customWidth="1"/>
    <col min="7178" max="7424" width="9" style="21"/>
    <col min="7425" max="7426" width="2.625" style="21" customWidth="1"/>
    <col min="7427" max="7429" width="2.125" style="21" customWidth="1"/>
    <col min="7430" max="7430" width="29" style="21" customWidth="1"/>
    <col min="7431" max="7433" width="16.625" style="21" customWidth="1"/>
    <col min="7434" max="7680" width="9" style="21"/>
    <col min="7681" max="7682" width="2.625" style="21" customWidth="1"/>
    <col min="7683" max="7685" width="2.125" style="21" customWidth="1"/>
    <col min="7686" max="7686" width="29" style="21" customWidth="1"/>
    <col min="7687" max="7689" width="16.625" style="21" customWidth="1"/>
    <col min="7690" max="7936" width="9" style="21"/>
    <col min="7937" max="7938" width="2.625" style="21" customWidth="1"/>
    <col min="7939" max="7941" width="2.125" style="21" customWidth="1"/>
    <col min="7942" max="7942" width="29" style="21" customWidth="1"/>
    <col min="7943" max="7945" width="16.625" style="21" customWidth="1"/>
    <col min="7946" max="8192" width="9" style="21"/>
    <col min="8193" max="8194" width="2.625" style="21" customWidth="1"/>
    <col min="8195" max="8197" width="2.125" style="21" customWidth="1"/>
    <col min="8198" max="8198" width="29" style="21" customWidth="1"/>
    <col min="8199" max="8201" width="16.625" style="21" customWidth="1"/>
    <col min="8202" max="8448" width="9" style="21"/>
    <col min="8449" max="8450" width="2.625" style="21" customWidth="1"/>
    <col min="8451" max="8453" width="2.125" style="21" customWidth="1"/>
    <col min="8454" max="8454" width="29" style="21" customWidth="1"/>
    <col min="8455" max="8457" width="16.625" style="21" customWidth="1"/>
    <col min="8458" max="8704" width="9" style="21"/>
    <col min="8705" max="8706" width="2.625" style="21" customWidth="1"/>
    <col min="8707" max="8709" width="2.125" style="21" customWidth="1"/>
    <col min="8710" max="8710" width="29" style="21" customWidth="1"/>
    <col min="8711" max="8713" width="16.625" style="21" customWidth="1"/>
    <col min="8714" max="8960" width="9" style="21"/>
    <col min="8961" max="8962" width="2.625" style="21" customWidth="1"/>
    <col min="8963" max="8965" width="2.125" style="21" customWidth="1"/>
    <col min="8966" max="8966" width="29" style="21" customWidth="1"/>
    <col min="8967" max="8969" width="16.625" style="21" customWidth="1"/>
    <col min="8970" max="9216" width="9" style="21"/>
    <col min="9217" max="9218" width="2.625" style="21" customWidth="1"/>
    <col min="9219" max="9221" width="2.125" style="21" customWidth="1"/>
    <col min="9222" max="9222" width="29" style="21" customWidth="1"/>
    <col min="9223" max="9225" width="16.625" style="21" customWidth="1"/>
    <col min="9226" max="9472" width="9" style="21"/>
    <col min="9473" max="9474" width="2.625" style="21" customWidth="1"/>
    <col min="9475" max="9477" width="2.125" style="21" customWidth="1"/>
    <col min="9478" max="9478" width="29" style="21" customWidth="1"/>
    <col min="9479" max="9481" width="16.625" style="21" customWidth="1"/>
    <col min="9482" max="9728" width="9" style="21"/>
    <col min="9729" max="9730" width="2.625" style="21" customWidth="1"/>
    <col min="9731" max="9733" width="2.125" style="21" customWidth="1"/>
    <col min="9734" max="9734" width="29" style="21" customWidth="1"/>
    <col min="9735" max="9737" width="16.625" style="21" customWidth="1"/>
    <col min="9738" max="9984" width="9" style="21"/>
    <col min="9985" max="9986" width="2.625" style="21" customWidth="1"/>
    <col min="9987" max="9989" width="2.125" style="21" customWidth="1"/>
    <col min="9990" max="9990" width="29" style="21" customWidth="1"/>
    <col min="9991" max="9993" width="16.625" style="21" customWidth="1"/>
    <col min="9994" max="10240" width="9" style="21"/>
    <col min="10241" max="10242" width="2.625" style="21" customWidth="1"/>
    <col min="10243" max="10245" width="2.125" style="21" customWidth="1"/>
    <col min="10246" max="10246" width="29" style="21" customWidth="1"/>
    <col min="10247" max="10249" width="16.625" style="21" customWidth="1"/>
    <col min="10250" max="10496" width="9" style="21"/>
    <col min="10497" max="10498" width="2.625" style="21" customWidth="1"/>
    <col min="10499" max="10501" width="2.125" style="21" customWidth="1"/>
    <col min="10502" max="10502" width="29" style="21" customWidth="1"/>
    <col min="10503" max="10505" width="16.625" style="21" customWidth="1"/>
    <col min="10506" max="10752" width="9" style="21"/>
    <col min="10753" max="10754" width="2.625" style="21" customWidth="1"/>
    <col min="10755" max="10757" width="2.125" style="21" customWidth="1"/>
    <col min="10758" max="10758" width="29" style="21" customWidth="1"/>
    <col min="10759" max="10761" width="16.625" style="21" customWidth="1"/>
    <col min="10762" max="11008" width="9" style="21"/>
    <col min="11009" max="11010" width="2.625" style="21" customWidth="1"/>
    <col min="11011" max="11013" width="2.125" style="21" customWidth="1"/>
    <col min="11014" max="11014" width="29" style="21" customWidth="1"/>
    <col min="11015" max="11017" width="16.625" style="21" customWidth="1"/>
    <col min="11018" max="11264" width="9" style="21"/>
    <col min="11265" max="11266" width="2.625" style="21" customWidth="1"/>
    <col min="11267" max="11269" width="2.125" style="21" customWidth="1"/>
    <col min="11270" max="11270" width="29" style="21" customWidth="1"/>
    <col min="11271" max="11273" width="16.625" style="21" customWidth="1"/>
    <col min="11274" max="11520" width="9" style="21"/>
    <col min="11521" max="11522" width="2.625" style="21" customWidth="1"/>
    <col min="11523" max="11525" width="2.125" style="21" customWidth="1"/>
    <col min="11526" max="11526" width="29" style="21" customWidth="1"/>
    <col min="11527" max="11529" width="16.625" style="21" customWidth="1"/>
    <col min="11530" max="11776" width="9" style="21"/>
    <col min="11777" max="11778" width="2.625" style="21" customWidth="1"/>
    <col min="11779" max="11781" width="2.125" style="21" customWidth="1"/>
    <col min="11782" max="11782" width="29" style="21" customWidth="1"/>
    <col min="11783" max="11785" width="16.625" style="21" customWidth="1"/>
    <col min="11786" max="12032" width="9" style="21"/>
    <col min="12033" max="12034" width="2.625" style="21" customWidth="1"/>
    <col min="12035" max="12037" width="2.125" style="21" customWidth="1"/>
    <col min="12038" max="12038" width="29" style="21" customWidth="1"/>
    <col min="12039" max="12041" width="16.625" style="21" customWidth="1"/>
    <col min="12042" max="12288" width="9" style="21"/>
    <col min="12289" max="12290" width="2.625" style="21" customWidth="1"/>
    <col min="12291" max="12293" width="2.125" style="21" customWidth="1"/>
    <col min="12294" max="12294" width="29" style="21" customWidth="1"/>
    <col min="12295" max="12297" width="16.625" style="21" customWidth="1"/>
    <col min="12298" max="12544" width="9" style="21"/>
    <col min="12545" max="12546" width="2.625" style="21" customWidth="1"/>
    <col min="12547" max="12549" width="2.125" style="21" customWidth="1"/>
    <col min="12550" max="12550" width="29" style="21" customWidth="1"/>
    <col min="12551" max="12553" width="16.625" style="21" customWidth="1"/>
    <col min="12554" max="12800" width="9" style="21"/>
    <col min="12801" max="12802" width="2.625" style="21" customWidth="1"/>
    <col min="12803" max="12805" width="2.125" style="21" customWidth="1"/>
    <col min="12806" max="12806" width="29" style="21" customWidth="1"/>
    <col min="12807" max="12809" width="16.625" style="21" customWidth="1"/>
    <col min="12810" max="13056" width="9" style="21"/>
    <col min="13057" max="13058" width="2.625" style="21" customWidth="1"/>
    <col min="13059" max="13061" width="2.125" style="21" customWidth="1"/>
    <col min="13062" max="13062" width="29" style="21" customWidth="1"/>
    <col min="13063" max="13065" width="16.625" style="21" customWidth="1"/>
    <col min="13066" max="13312" width="9" style="21"/>
    <col min="13313" max="13314" width="2.625" style="21" customWidth="1"/>
    <col min="13315" max="13317" width="2.125" style="21" customWidth="1"/>
    <col min="13318" max="13318" width="29" style="21" customWidth="1"/>
    <col min="13319" max="13321" width="16.625" style="21" customWidth="1"/>
    <col min="13322" max="13568" width="9" style="21"/>
    <col min="13569" max="13570" width="2.625" style="21" customWidth="1"/>
    <col min="13571" max="13573" width="2.125" style="21" customWidth="1"/>
    <col min="13574" max="13574" width="29" style="21" customWidth="1"/>
    <col min="13575" max="13577" width="16.625" style="21" customWidth="1"/>
    <col min="13578" max="13824" width="9" style="21"/>
    <col min="13825" max="13826" width="2.625" style="21" customWidth="1"/>
    <col min="13827" max="13829" width="2.125" style="21" customWidth="1"/>
    <col min="13830" max="13830" width="29" style="21" customWidth="1"/>
    <col min="13831" max="13833" width="16.625" style="21" customWidth="1"/>
    <col min="13834" max="14080" width="9" style="21"/>
    <col min="14081" max="14082" width="2.625" style="21" customWidth="1"/>
    <col min="14083" max="14085" width="2.125" style="21" customWidth="1"/>
    <col min="14086" max="14086" width="29" style="21" customWidth="1"/>
    <col min="14087" max="14089" width="16.625" style="21" customWidth="1"/>
    <col min="14090" max="14336" width="9" style="21"/>
    <col min="14337" max="14338" width="2.625" style="21" customWidth="1"/>
    <col min="14339" max="14341" width="2.125" style="21" customWidth="1"/>
    <col min="14342" max="14342" width="29" style="21" customWidth="1"/>
    <col min="14343" max="14345" width="16.625" style="21" customWidth="1"/>
    <col min="14346" max="14592" width="9" style="21"/>
    <col min="14593" max="14594" width="2.625" style="21" customWidth="1"/>
    <col min="14595" max="14597" width="2.125" style="21" customWidth="1"/>
    <col min="14598" max="14598" width="29" style="21" customWidth="1"/>
    <col min="14599" max="14601" width="16.625" style="21" customWidth="1"/>
    <col min="14602" max="14848" width="9" style="21"/>
    <col min="14849" max="14850" width="2.625" style="21" customWidth="1"/>
    <col min="14851" max="14853" width="2.125" style="21" customWidth="1"/>
    <col min="14854" max="14854" width="29" style="21" customWidth="1"/>
    <col min="14855" max="14857" width="16.625" style="21" customWidth="1"/>
    <col min="14858" max="15104" width="9" style="21"/>
    <col min="15105" max="15106" width="2.625" style="21" customWidth="1"/>
    <col min="15107" max="15109" width="2.125" style="21" customWidth="1"/>
    <col min="15110" max="15110" width="29" style="21" customWidth="1"/>
    <col min="15111" max="15113" width="16.625" style="21" customWidth="1"/>
    <col min="15114" max="15360" width="9" style="21"/>
    <col min="15361" max="15362" width="2.625" style="21" customWidth="1"/>
    <col min="15363" max="15365" width="2.125" style="21" customWidth="1"/>
    <col min="15366" max="15366" width="29" style="21" customWidth="1"/>
    <col min="15367" max="15369" width="16.625" style="21" customWidth="1"/>
    <col min="15370" max="15616" width="9" style="21"/>
    <col min="15617" max="15618" width="2.625" style="21" customWidth="1"/>
    <col min="15619" max="15621" width="2.125" style="21" customWidth="1"/>
    <col min="15622" max="15622" width="29" style="21" customWidth="1"/>
    <col min="15623" max="15625" width="16.625" style="21" customWidth="1"/>
    <col min="15626" max="15872" width="9" style="21"/>
    <col min="15873" max="15874" width="2.625" style="21" customWidth="1"/>
    <col min="15875" max="15877" width="2.125" style="21" customWidth="1"/>
    <col min="15878" max="15878" width="29" style="21" customWidth="1"/>
    <col min="15879" max="15881" width="16.625" style="21" customWidth="1"/>
    <col min="15882" max="16128" width="9" style="21"/>
    <col min="16129" max="16130" width="2.625" style="21" customWidth="1"/>
    <col min="16131" max="16133" width="2.125" style="21" customWidth="1"/>
    <col min="16134" max="16134" width="29" style="21" customWidth="1"/>
    <col min="16135" max="16137" width="16.625" style="21" customWidth="1"/>
    <col min="16138" max="16384" width="9" style="21"/>
  </cols>
  <sheetData>
    <row r="1" spans="1:9" s="100" customFormat="1" ht="32.1" customHeight="1">
      <c r="A1" s="116" t="s">
        <v>163</v>
      </c>
      <c r="B1" s="116"/>
      <c r="C1" s="116"/>
      <c r="D1" s="116"/>
      <c r="E1" s="116"/>
      <c r="F1" s="116"/>
      <c r="G1" s="116"/>
      <c r="H1" s="116"/>
      <c r="I1" s="116"/>
    </row>
    <row r="2" spans="1:9" s="82" customFormat="1" ht="12.75">
      <c r="A2" s="117" t="s">
        <v>165</v>
      </c>
      <c r="B2" s="117"/>
      <c r="C2" s="117"/>
      <c r="D2" s="117"/>
      <c r="E2" s="117"/>
      <c r="F2" s="117"/>
      <c r="G2" s="117"/>
      <c r="H2" s="117"/>
      <c r="I2" s="117"/>
    </row>
    <row r="3" spans="1:9" s="82" customFormat="1" ht="13.5" customHeight="1">
      <c r="A3" s="1"/>
      <c r="B3" s="1"/>
      <c r="C3" s="1"/>
      <c r="D3" s="1"/>
      <c r="E3" s="1"/>
      <c r="F3" s="118" t="s">
        <v>154</v>
      </c>
      <c r="G3" s="118"/>
      <c r="H3" s="118"/>
      <c r="I3" s="118"/>
    </row>
    <row r="4" spans="1:9" s="1" customFormat="1" ht="12.75">
      <c r="I4" s="101" t="s">
        <v>1</v>
      </c>
    </row>
    <row r="5" spans="1:9" s="82" customFormat="1" ht="25.5">
      <c r="A5" s="119" t="s">
        <v>0</v>
      </c>
      <c r="B5" s="120"/>
      <c r="C5" s="120"/>
      <c r="D5" s="120"/>
      <c r="E5" s="120"/>
      <c r="F5" s="121"/>
      <c r="G5" s="102" t="s">
        <v>157</v>
      </c>
      <c r="H5" s="98" t="s">
        <v>164</v>
      </c>
      <c r="I5" s="99" t="s">
        <v>158</v>
      </c>
    </row>
    <row r="6" spans="1:9" s="82" customFormat="1" ht="12.75">
      <c r="A6" s="43" t="s">
        <v>14</v>
      </c>
      <c r="B6" s="1" t="s">
        <v>13</v>
      </c>
      <c r="C6" s="1"/>
      <c r="D6" s="1"/>
      <c r="E6" s="1"/>
      <c r="F6" s="36"/>
      <c r="G6" s="103"/>
      <c r="H6" s="104"/>
      <c r="I6" s="105"/>
    </row>
    <row r="7" spans="1:9" s="82" customFormat="1" ht="12.75">
      <c r="A7" s="43"/>
      <c r="B7" s="1" t="s">
        <v>11</v>
      </c>
      <c r="C7" s="1" t="s">
        <v>10</v>
      </c>
      <c r="D7" s="1"/>
      <c r="E7" s="1"/>
      <c r="F7" s="36"/>
      <c r="G7" s="103"/>
      <c r="H7" s="104"/>
      <c r="I7" s="104"/>
    </row>
    <row r="8" spans="1:9" s="82" customFormat="1" ht="12.75">
      <c r="A8" s="43"/>
      <c r="B8" s="1"/>
      <c r="C8" s="1" t="s">
        <v>28</v>
      </c>
      <c r="D8" s="1"/>
      <c r="E8" s="1"/>
      <c r="F8" s="1"/>
      <c r="G8" s="104"/>
      <c r="H8" s="106"/>
      <c r="I8" s="104"/>
    </row>
    <row r="9" spans="1:9" s="82" customFormat="1" ht="12.75">
      <c r="A9" s="43"/>
      <c r="B9" s="1"/>
      <c r="C9" s="1" t="s">
        <v>29</v>
      </c>
      <c r="D9" s="1"/>
      <c r="E9" s="1"/>
      <c r="F9" s="1"/>
      <c r="G9" s="104"/>
      <c r="H9" s="106"/>
      <c r="I9" s="104"/>
    </row>
    <row r="10" spans="1:9" s="82" customFormat="1" ht="12.75">
      <c r="A10" s="43"/>
      <c r="B10" s="1" t="s">
        <v>17</v>
      </c>
      <c r="C10" s="1" t="s">
        <v>54</v>
      </c>
      <c r="D10" s="1"/>
      <c r="E10" s="1"/>
      <c r="F10" s="1"/>
      <c r="G10" s="104"/>
      <c r="H10" s="106"/>
      <c r="I10" s="104"/>
    </row>
    <row r="11" spans="1:9" s="82" customFormat="1" ht="12.75">
      <c r="A11" s="43"/>
      <c r="B11" s="1"/>
      <c r="C11" s="1" t="s">
        <v>55</v>
      </c>
      <c r="D11" s="1"/>
      <c r="E11" s="1"/>
      <c r="F11" s="1"/>
      <c r="G11" s="104"/>
      <c r="H11" s="106"/>
      <c r="I11" s="104"/>
    </row>
    <row r="12" spans="1:9" s="82" customFormat="1" ht="12.75">
      <c r="A12" s="43"/>
      <c r="B12" s="1"/>
      <c r="C12" s="1" t="s">
        <v>47</v>
      </c>
      <c r="D12" s="1"/>
      <c r="E12" s="1"/>
      <c r="F12" s="1"/>
      <c r="G12" s="104"/>
      <c r="H12" s="106"/>
      <c r="I12" s="104"/>
    </row>
    <row r="13" spans="1:9" s="82" customFormat="1" ht="12.75">
      <c r="A13" s="43"/>
      <c r="B13" s="1" t="s">
        <v>15</v>
      </c>
      <c r="C13" s="1" t="s">
        <v>16</v>
      </c>
      <c r="D13" s="1"/>
      <c r="E13" s="1"/>
      <c r="F13" s="1"/>
      <c r="G13" s="104"/>
      <c r="H13" s="106"/>
      <c r="I13" s="104"/>
    </row>
    <row r="14" spans="1:9" s="82" customFormat="1" ht="12.75">
      <c r="A14" s="43"/>
      <c r="B14" s="1"/>
      <c r="C14" s="1" t="s">
        <v>30</v>
      </c>
      <c r="D14" s="1"/>
      <c r="E14" s="1"/>
      <c r="F14" s="1"/>
      <c r="G14" s="104"/>
      <c r="H14" s="106"/>
      <c r="I14" s="104"/>
    </row>
    <row r="15" spans="1:9" s="82" customFormat="1" ht="12.75">
      <c r="A15" s="43"/>
      <c r="B15" s="1" t="s">
        <v>18</v>
      </c>
      <c r="C15" s="1" t="s">
        <v>31</v>
      </c>
      <c r="D15" s="1"/>
      <c r="E15" s="1"/>
      <c r="F15" s="1"/>
      <c r="G15" s="104"/>
      <c r="H15" s="106"/>
      <c r="I15" s="104"/>
    </row>
    <row r="16" spans="1:9" s="82" customFormat="1" ht="12.75">
      <c r="A16" s="43"/>
      <c r="B16" s="1"/>
      <c r="C16" s="1" t="s">
        <v>32</v>
      </c>
      <c r="D16" s="1"/>
      <c r="E16" s="1"/>
      <c r="F16" s="1"/>
      <c r="G16" s="104"/>
      <c r="H16" s="106"/>
      <c r="I16" s="104"/>
    </row>
    <row r="17" spans="1:9" s="82" customFormat="1" ht="12.75">
      <c r="A17" s="43"/>
      <c r="B17" s="1"/>
      <c r="C17" s="1" t="s">
        <v>159</v>
      </c>
      <c r="D17" s="1"/>
      <c r="E17" s="1"/>
      <c r="F17" s="1"/>
      <c r="G17" s="104"/>
      <c r="H17" s="106"/>
      <c r="I17" s="104"/>
    </row>
    <row r="18" spans="1:9" s="82" customFormat="1" ht="12.75">
      <c r="A18" s="43"/>
      <c r="B18" s="1" t="s">
        <v>19</v>
      </c>
      <c r="C18" s="1" t="s">
        <v>33</v>
      </c>
      <c r="D18" s="1"/>
      <c r="E18" s="1"/>
      <c r="F18" s="1"/>
      <c r="G18" s="104"/>
      <c r="H18" s="106"/>
      <c r="I18" s="104"/>
    </row>
    <row r="19" spans="1:9" s="82" customFormat="1" ht="12.75">
      <c r="A19" s="43"/>
      <c r="B19" s="1"/>
      <c r="C19" s="1" t="s">
        <v>2</v>
      </c>
      <c r="D19" s="1"/>
      <c r="E19" s="1"/>
      <c r="F19" s="1"/>
      <c r="G19" s="104"/>
      <c r="H19" s="106"/>
      <c r="I19" s="104"/>
    </row>
    <row r="20" spans="1:9" s="82" customFormat="1" ht="12.75">
      <c r="A20" s="43"/>
      <c r="B20" s="1"/>
      <c r="C20" s="1" t="s">
        <v>57</v>
      </c>
      <c r="D20" s="1"/>
      <c r="E20" s="1"/>
      <c r="F20" s="1"/>
      <c r="G20" s="104"/>
      <c r="H20" s="106"/>
      <c r="I20" s="104"/>
    </row>
    <row r="21" spans="1:9" s="82" customFormat="1" ht="12.75">
      <c r="A21" s="43"/>
      <c r="B21" s="1" t="s">
        <v>43</v>
      </c>
      <c r="C21" s="1"/>
      <c r="D21" s="1"/>
      <c r="E21" s="1"/>
      <c r="F21" s="36"/>
      <c r="G21" s="107"/>
      <c r="H21" s="107"/>
      <c r="I21" s="108"/>
    </row>
    <row r="22" spans="1:9" s="82" customFormat="1" ht="12.75">
      <c r="A22" s="43" t="s">
        <v>21</v>
      </c>
      <c r="B22" s="1" t="s">
        <v>20</v>
      </c>
      <c r="C22" s="1"/>
      <c r="D22" s="1"/>
      <c r="E22" s="1"/>
      <c r="F22" s="36"/>
      <c r="G22" s="103"/>
      <c r="H22" s="104"/>
      <c r="I22" s="104"/>
    </row>
    <row r="23" spans="1:9" s="82" customFormat="1" ht="12.75">
      <c r="A23" s="43"/>
      <c r="B23" s="1" t="s">
        <v>12</v>
      </c>
      <c r="C23" s="1" t="s">
        <v>52</v>
      </c>
      <c r="D23" s="1"/>
      <c r="E23" s="1"/>
      <c r="F23" s="36"/>
      <c r="G23" s="103"/>
      <c r="H23" s="104"/>
      <c r="I23" s="104"/>
    </row>
    <row r="24" spans="1:9" s="82" customFormat="1" ht="12.75">
      <c r="A24" s="43"/>
      <c r="C24" s="115" t="s">
        <v>50</v>
      </c>
      <c r="D24" s="115"/>
      <c r="E24" s="1" t="s">
        <v>22</v>
      </c>
      <c r="F24" s="36"/>
      <c r="G24" s="104"/>
      <c r="H24" s="104"/>
      <c r="I24" s="104"/>
    </row>
    <row r="25" spans="1:9" s="82" customFormat="1" ht="12.75">
      <c r="A25" s="43"/>
      <c r="B25" s="1"/>
      <c r="E25" s="1" t="s">
        <v>34</v>
      </c>
      <c r="F25" s="36"/>
      <c r="G25" s="104"/>
      <c r="H25" s="104"/>
      <c r="I25" s="104"/>
    </row>
    <row r="26" spans="1:9" s="82" customFormat="1" ht="12.75">
      <c r="A26" s="43"/>
      <c r="B26" s="1"/>
      <c r="E26" s="1" t="s">
        <v>4</v>
      </c>
      <c r="F26" s="36"/>
      <c r="G26" s="104"/>
      <c r="H26" s="104"/>
      <c r="I26" s="104"/>
    </row>
    <row r="27" spans="1:9" s="82" customFormat="1" ht="12.75">
      <c r="A27" s="43"/>
      <c r="B27" s="1"/>
      <c r="D27" s="1"/>
      <c r="E27" s="1" t="s">
        <v>6</v>
      </c>
      <c r="F27" s="36"/>
      <c r="G27" s="104"/>
      <c r="H27" s="104"/>
      <c r="I27" s="104"/>
    </row>
    <row r="28" spans="1:9" s="82" customFormat="1" ht="12.75">
      <c r="A28" s="43"/>
      <c r="B28" s="1"/>
      <c r="E28" s="1" t="s">
        <v>7</v>
      </c>
      <c r="F28" s="36"/>
      <c r="G28" s="104"/>
      <c r="H28" s="104"/>
      <c r="I28" s="104"/>
    </row>
    <row r="29" spans="1:9" s="82" customFormat="1" ht="12.75">
      <c r="A29" s="43"/>
      <c r="B29" s="1"/>
      <c r="E29" s="1" t="s">
        <v>35</v>
      </c>
      <c r="F29" s="1"/>
      <c r="G29" s="109"/>
      <c r="H29" s="109"/>
      <c r="I29" s="104"/>
    </row>
    <row r="30" spans="1:9" s="82" customFormat="1" ht="12.75">
      <c r="A30" s="43"/>
      <c r="C30" s="115" t="s">
        <v>49</v>
      </c>
      <c r="D30" s="115"/>
      <c r="E30" s="1" t="s">
        <v>23</v>
      </c>
      <c r="F30" s="36"/>
      <c r="G30" s="104"/>
      <c r="H30" s="106"/>
      <c r="I30" s="106"/>
    </row>
    <row r="31" spans="1:9" s="82" customFormat="1" ht="12.75">
      <c r="A31" s="43"/>
      <c r="B31" s="1"/>
      <c r="D31" s="1"/>
      <c r="E31" s="1" t="s">
        <v>8</v>
      </c>
      <c r="F31" s="36"/>
      <c r="G31" s="104"/>
      <c r="H31" s="106"/>
      <c r="I31" s="106"/>
    </row>
    <row r="32" spans="1:9" s="82" customFormat="1" ht="12.75">
      <c r="A32" s="43"/>
      <c r="B32" s="1"/>
      <c r="D32" s="1"/>
      <c r="E32" s="1" t="s">
        <v>3</v>
      </c>
      <c r="F32" s="36"/>
      <c r="G32" s="104"/>
      <c r="H32" s="106"/>
      <c r="I32" s="106"/>
    </row>
    <row r="33" spans="1:9" s="82" customFormat="1" ht="12.75">
      <c r="A33" s="43"/>
      <c r="B33" s="1"/>
      <c r="D33" s="1"/>
      <c r="E33" s="1" t="s">
        <v>48</v>
      </c>
      <c r="F33" s="1"/>
      <c r="G33" s="104"/>
      <c r="H33" s="106"/>
      <c r="I33" s="106"/>
    </row>
    <row r="34" spans="1:9" s="82" customFormat="1" ht="12.75">
      <c r="A34" s="43"/>
      <c r="B34" s="1"/>
      <c r="D34" s="1"/>
      <c r="E34" s="1" t="s">
        <v>5</v>
      </c>
      <c r="F34" s="1"/>
      <c r="G34" s="104"/>
      <c r="H34" s="106"/>
      <c r="I34" s="106"/>
    </row>
    <row r="35" spans="1:9" s="82" customFormat="1" ht="12.75">
      <c r="A35" s="43"/>
      <c r="B35" s="1"/>
      <c r="D35" s="1"/>
      <c r="E35" s="1" t="s">
        <v>56</v>
      </c>
      <c r="F35" s="1"/>
      <c r="G35" s="104"/>
      <c r="H35" s="106"/>
      <c r="I35" s="106"/>
    </row>
    <row r="36" spans="1:9" s="82" customFormat="1" ht="12.75">
      <c r="A36" s="43"/>
      <c r="B36" s="1"/>
      <c r="D36" s="1"/>
      <c r="E36" s="1" t="s">
        <v>36</v>
      </c>
      <c r="F36" s="1"/>
      <c r="G36" s="104"/>
      <c r="H36" s="104"/>
      <c r="I36" s="104"/>
    </row>
    <row r="37" spans="1:9" s="82" customFormat="1" ht="12.75">
      <c r="A37" s="43"/>
      <c r="B37" s="1"/>
      <c r="C37" s="82" t="s">
        <v>51</v>
      </c>
      <c r="D37" s="1"/>
      <c r="E37" s="1"/>
      <c r="F37" s="1"/>
      <c r="G37" s="104"/>
      <c r="H37" s="104"/>
      <c r="I37" s="104"/>
    </row>
    <row r="38" spans="1:9" s="82" customFormat="1" ht="12.75">
      <c r="A38" s="43"/>
      <c r="B38" s="1" t="s">
        <v>17</v>
      </c>
      <c r="C38" s="1" t="s">
        <v>53</v>
      </c>
      <c r="D38" s="1"/>
      <c r="E38" s="1"/>
      <c r="F38" s="1"/>
      <c r="G38" s="104"/>
      <c r="H38" s="106"/>
      <c r="I38" s="104"/>
    </row>
    <row r="39" spans="1:9" s="82" customFormat="1" ht="12.75">
      <c r="A39" s="43"/>
      <c r="B39" s="1"/>
      <c r="C39" s="115" t="s">
        <v>50</v>
      </c>
      <c r="D39" s="115"/>
      <c r="E39" s="1" t="s">
        <v>22</v>
      </c>
      <c r="F39" s="1"/>
      <c r="G39" s="104"/>
      <c r="H39" s="106"/>
      <c r="I39" s="104"/>
    </row>
    <row r="40" spans="1:9" s="82" customFormat="1" ht="12.75">
      <c r="A40" s="43"/>
      <c r="B40" s="1"/>
      <c r="D40" s="1"/>
      <c r="E40" s="1" t="s">
        <v>45</v>
      </c>
      <c r="F40" s="1"/>
      <c r="G40" s="104"/>
      <c r="H40" s="106"/>
      <c r="I40" s="104"/>
    </row>
    <row r="41" spans="1:9" s="82" customFormat="1" ht="12.75">
      <c r="A41" s="43"/>
      <c r="B41" s="1"/>
      <c r="D41" s="1"/>
      <c r="E41" s="1" t="s">
        <v>34</v>
      </c>
      <c r="F41" s="1"/>
      <c r="G41" s="104"/>
      <c r="H41" s="106"/>
      <c r="I41" s="104"/>
    </row>
    <row r="42" spans="1:9" s="82" customFormat="1" ht="12.75">
      <c r="A42" s="43"/>
      <c r="B42" s="1"/>
      <c r="D42" s="1"/>
      <c r="E42" s="1" t="s">
        <v>4</v>
      </c>
      <c r="F42" s="1"/>
      <c r="G42" s="104"/>
      <c r="H42" s="106"/>
      <c r="I42" s="104"/>
    </row>
    <row r="43" spans="1:9" s="82" customFormat="1" ht="12.75">
      <c r="A43" s="43"/>
      <c r="B43" s="1"/>
      <c r="D43" s="1"/>
      <c r="E43" s="1" t="s">
        <v>6</v>
      </c>
      <c r="F43" s="1"/>
      <c r="G43" s="104"/>
      <c r="H43" s="106"/>
      <c r="I43" s="104"/>
    </row>
    <row r="44" spans="1:9" s="82" customFormat="1" ht="12.75">
      <c r="A44" s="43"/>
      <c r="B44" s="1"/>
      <c r="D44" s="1"/>
      <c r="E44" s="1" t="s">
        <v>7</v>
      </c>
      <c r="F44" s="36"/>
      <c r="G44" s="104"/>
      <c r="H44" s="104"/>
      <c r="I44" s="104"/>
    </row>
    <row r="45" spans="1:9" s="82" customFormat="1" ht="12.75">
      <c r="A45" s="43"/>
      <c r="B45" s="1"/>
      <c r="D45" s="1"/>
      <c r="E45" s="1" t="s">
        <v>35</v>
      </c>
      <c r="F45" s="1"/>
      <c r="G45" s="109"/>
      <c r="H45" s="109"/>
      <c r="I45" s="104"/>
    </row>
    <row r="46" spans="1:9" s="82" customFormat="1" ht="12.75">
      <c r="A46" s="43"/>
      <c r="B46" s="1"/>
      <c r="C46" s="115" t="s">
        <v>49</v>
      </c>
      <c r="D46" s="115"/>
      <c r="E46" s="1" t="s">
        <v>23</v>
      </c>
      <c r="F46" s="36"/>
      <c r="G46" s="103"/>
      <c r="H46" s="104"/>
      <c r="I46" s="104"/>
    </row>
    <row r="47" spans="1:9" s="82" customFormat="1" ht="12.75">
      <c r="A47" s="43"/>
      <c r="B47" s="1"/>
      <c r="D47" s="1"/>
      <c r="E47" s="1" t="s">
        <v>8</v>
      </c>
      <c r="F47" s="36"/>
      <c r="G47" s="103"/>
      <c r="H47" s="104"/>
      <c r="I47" s="104"/>
    </row>
    <row r="48" spans="1:9" s="82" customFormat="1" ht="12.75">
      <c r="A48" s="43"/>
      <c r="B48" s="1"/>
      <c r="D48" s="1"/>
      <c r="E48" s="1" t="s">
        <v>3</v>
      </c>
      <c r="F48" s="36"/>
      <c r="G48" s="103"/>
      <c r="H48" s="104"/>
      <c r="I48" s="104"/>
    </row>
    <row r="49" spans="1:9" s="82" customFormat="1" ht="12.75">
      <c r="A49" s="43"/>
      <c r="B49" s="1"/>
      <c r="D49" s="1"/>
      <c r="E49" s="1" t="s">
        <v>5</v>
      </c>
      <c r="F49" s="36"/>
      <c r="G49" s="103"/>
      <c r="H49" s="104"/>
      <c r="I49" s="104"/>
    </row>
    <row r="50" spans="1:9" s="82" customFormat="1" ht="12.75">
      <c r="A50" s="43"/>
      <c r="B50" s="1"/>
      <c r="D50" s="1"/>
      <c r="E50" s="1" t="s">
        <v>56</v>
      </c>
      <c r="F50" s="36"/>
      <c r="G50" s="103"/>
      <c r="H50" s="104"/>
      <c r="I50" s="104"/>
    </row>
    <row r="51" spans="1:9" s="82" customFormat="1" ht="12.75">
      <c r="A51" s="43"/>
      <c r="B51" s="1"/>
      <c r="D51" s="1"/>
      <c r="E51" s="1" t="s">
        <v>36</v>
      </c>
      <c r="F51" s="1"/>
      <c r="G51" s="109"/>
      <c r="H51" s="109"/>
      <c r="I51" s="104"/>
    </row>
    <row r="52" spans="1:9" s="82" customFormat="1" ht="12.75">
      <c r="A52" s="43"/>
      <c r="B52" s="1"/>
      <c r="C52" s="1" t="s">
        <v>46</v>
      </c>
      <c r="D52" s="1"/>
      <c r="F52" s="36"/>
      <c r="G52" s="107"/>
      <c r="H52" s="107"/>
      <c r="I52" s="107"/>
    </row>
    <row r="53" spans="1:9" s="82" customFormat="1" ht="12.75">
      <c r="A53" s="43"/>
      <c r="B53" s="1" t="s">
        <v>37</v>
      </c>
      <c r="D53" s="1"/>
      <c r="E53" s="1"/>
      <c r="F53" s="36"/>
      <c r="G53" s="108"/>
      <c r="H53" s="108"/>
      <c r="I53" s="108"/>
    </row>
    <row r="54" spans="1:9" s="82" customFormat="1" ht="12.75">
      <c r="A54" s="43"/>
      <c r="C54" s="1" t="s">
        <v>38</v>
      </c>
      <c r="D54" s="1"/>
      <c r="E54" s="1"/>
      <c r="F54" s="1"/>
      <c r="G54" s="109"/>
      <c r="H54" s="109"/>
      <c r="I54" s="105"/>
    </row>
    <row r="55" spans="1:9" s="82" customFormat="1" ht="12.75">
      <c r="A55" s="43" t="s">
        <v>25</v>
      </c>
      <c r="B55" s="1" t="s">
        <v>24</v>
      </c>
      <c r="C55" s="1"/>
      <c r="D55" s="1"/>
      <c r="E55" s="1"/>
      <c r="F55" s="1"/>
      <c r="G55" s="104"/>
      <c r="H55" s="104"/>
      <c r="I55" s="106"/>
    </row>
    <row r="56" spans="1:9" s="82" customFormat="1" ht="12.75">
      <c r="A56" s="43"/>
      <c r="B56" s="1" t="s">
        <v>12</v>
      </c>
      <c r="C56" s="1" t="s">
        <v>39</v>
      </c>
      <c r="D56" s="1"/>
      <c r="E56" s="1"/>
      <c r="F56" s="1"/>
      <c r="G56" s="104"/>
      <c r="H56" s="104"/>
      <c r="I56" s="104"/>
    </row>
    <row r="57" spans="1:9" s="82" customFormat="1" ht="12.75">
      <c r="A57" s="43"/>
      <c r="B57" s="1" t="s">
        <v>40</v>
      </c>
      <c r="D57" s="1"/>
      <c r="E57" s="1"/>
      <c r="F57" s="1"/>
      <c r="G57" s="108"/>
      <c r="H57" s="108"/>
      <c r="I57" s="110"/>
    </row>
    <row r="58" spans="1:9" s="82" customFormat="1" ht="12.75">
      <c r="A58" s="43" t="s">
        <v>27</v>
      </c>
      <c r="B58" s="1" t="s">
        <v>26</v>
      </c>
      <c r="C58" s="1"/>
      <c r="D58" s="1"/>
      <c r="E58" s="1"/>
      <c r="F58" s="1"/>
      <c r="G58" s="105"/>
      <c r="H58" s="106"/>
      <c r="I58" s="104"/>
    </row>
    <row r="59" spans="1:9" s="82" customFormat="1" ht="12.75">
      <c r="A59" s="43"/>
      <c r="B59" s="1" t="s">
        <v>12</v>
      </c>
      <c r="C59" s="1" t="s">
        <v>41</v>
      </c>
      <c r="D59" s="1"/>
      <c r="E59" s="1"/>
      <c r="F59" s="1"/>
      <c r="G59" s="107"/>
      <c r="H59" s="111"/>
      <c r="I59" s="111"/>
    </row>
    <row r="60" spans="1:9" s="82" customFormat="1" ht="12.75">
      <c r="A60" s="43"/>
      <c r="B60" s="1" t="s">
        <v>42</v>
      </c>
      <c r="D60" s="1"/>
      <c r="E60" s="1"/>
      <c r="F60" s="36"/>
      <c r="G60" s="107"/>
      <c r="H60" s="107"/>
      <c r="I60" s="107"/>
    </row>
    <row r="61" spans="1:9" s="82" customFormat="1" ht="12.75">
      <c r="A61" s="43"/>
      <c r="B61" s="1"/>
      <c r="C61" s="82" t="s">
        <v>160</v>
      </c>
      <c r="D61" s="1"/>
      <c r="E61" s="1"/>
      <c r="F61" s="36"/>
      <c r="G61" s="103"/>
      <c r="H61" s="104"/>
      <c r="I61" s="104"/>
    </row>
    <row r="62" spans="1:9" s="82" customFormat="1" ht="13.5" thickBot="1">
      <c r="A62" s="43"/>
      <c r="B62" s="1"/>
      <c r="C62" s="1" t="s">
        <v>44</v>
      </c>
      <c r="D62" s="1"/>
      <c r="E62" s="1"/>
      <c r="F62" s="36"/>
      <c r="G62" s="112"/>
      <c r="H62" s="112"/>
      <c r="I62" s="104"/>
    </row>
    <row r="63" spans="1:9" s="82" customFormat="1" ht="13.5" thickTop="1">
      <c r="A63" s="43"/>
      <c r="B63" s="1"/>
      <c r="C63" s="1" t="s">
        <v>161</v>
      </c>
      <c r="D63" s="1"/>
      <c r="E63" s="1"/>
      <c r="F63" s="36"/>
      <c r="G63" s="103"/>
      <c r="H63" s="104"/>
      <c r="I63" s="107"/>
    </row>
    <row r="64" spans="1:9" s="82" customFormat="1" ht="13.5" thickBot="1">
      <c r="A64" s="61"/>
      <c r="B64" s="46"/>
      <c r="C64" s="46" t="s">
        <v>162</v>
      </c>
      <c r="D64" s="46"/>
      <c r="E64" s="46"/>
      <c r="F64" s="62"/>
      <c r="G64" s="113"/>
      <c r="H64" s="107"/>
      <c r="I64" s="114"/>
    </row>
    <row r="65" spans="2:9" s="82" customFormat="1" ht="13.5" thickTop="1">
      <c r="B65" s="97"/>
      <c r="C65" s="97"/>
      <c r="D65" s="97"/>
      <c r="E65" s="97"/>
      <c r="F65" s="97"/>
      <c r="G65" s="97"/>
      <c r="I65" s="97"/>
    </row>
    <row r="66" spans="2:9" ht="12.95" customHeight="1"/>
    <row r="67" spans="2:9" ht="34.15" customHeight="1"/>
  </sheetData>
  <mergeCells count="8">
    <mergeCell ref="C46:D46"/>
    <mergeCell ref="C39:D39"/>
    <mergeCell ref="A1:I1"/>
    <mergeCell ref="A2:I2"/>
    <mergeCell ref="F3:I3"/>
    <mergeCell ref="A5:F5"/>
    <mergeCell ref="C24:D24"/>
    <mergeCell ref="C30:D30"/>
  </mergeCells>
  <phoneticPr fontId="2"/>
  <printOptions horizontalCentered="1"/>
  <pageMargins left="0.51181102362204722" right="0.51181102362204722" top="0.51181102362204722" bottom="0.51181102362204722" header="0.51181102362204722" footer="0.19685039370078741"/>
  <pageSetup paperSize="9" scale="82" firstPageNumber="39" orientation="portrait" r:id="rId1"/>
  <headerFooter scaleWithDoc="0"/>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13"/>
  <sheetViews>
    <sheetView zoomScaleNormal="100" zoomScaleSheetLayoutView="100" workbookViewId="0"/>
  </sheetViews>
  <sheetFormatPr defaultRowHeight="13.5"/>
  <cols>
    <col min="1" max="1" width="2.625" style="23" customWidth="1"/>
    <col min="2" max="3" width="2.125" style="23" customWidth="1"/>
    <col min="4" max="4" width="12.625" style="23" customWidth="1"/>
    <col min="5" max="11" width="10.625" style="24" customWidth="1"/>
    <col min="12" max="16384" width="9" style="23"/>
  </cols>
  <sheetData>
    <row r="1" spans="1:13" ht="27.6" customHeight="1">
      <c r="A1" s="25" t="s">
        <v>58</v>
      </c>
      <c r="B1" s="26"/>
      <c r="C1" s="26"/>
      <c r="D1" s="26"/>
      <c r="E1" s="26"/>
      <c r="F1" s="26"/>
      <c r="G1" s="26"/>
      <c r="H1" s="26"/>
      <c r="I1" s="26"/>
      <c r="J1" s="26"/>
      <c r="K1" s="26"/>
    </row>
    <row r="2" spans="1:13" ht="13.7" customHeight="1">
      <c r="A2" s="27"/>
      <c r="B2" s="27"/>
      <c r="C2" s="27"/>
      <c r="D2" s="27"/>
      <c r="E2" s="27"/>
      <c r="F2" s="27"/>
      <c r="G2" s="27"/>
      <c r="H2" s="27"/>
      <c r="I2" s="27"/>
      <c r="J2" s="27"/>
      <c r="K2" s="27"/>
    </row>
    <row r="3" spans="1:13" ht="13.7" customHeight="1">
      <c r="A3" s="27"/>
      <c r="B3" s="27"/>
      <c r="C3" s="27"/>
      <c r="D3" s="27"/>
      <c r="E3" s="27"/>
      <c r="F3" s="27"/>
      <c r="G3" s="27"/>
      <c r="H3" s="27"/>
      <c r="I3" s="27"/>
      <c r="J3" s="27"/>
      <c r="K3" s="27"/>
    </row>
    <row r="4" spans="1:13" s="1" customFormat="1" ht="12.75">
      <c r="A4" s="1" t="s">
        <v>11</v>
      </c>
      <c r="B4" s="1" t="s">
        <v>59</v>
      </c>
      <c r="E4" s="3"/>
      <c r="F4" s="3"/>
      <c r="G4" s="3"/>
      <c r="H4" s="3"/>
      <c r="I4" s="3"/>
      <c r="J4" s="3"/>
      <c r="K4" s="3"/>
    </row>
    <row r="5" spans="1:13" s="1" customFormat="1" ht="12.75" customHeight="1">
      <c r="A5" s="1" t="s">
        <v>60</v>
      </c>
      <c r="B5" s="130" t="s">
        <v>156</v>
      </c>
      <c r="C5" s="131"/>
      <c r="D5" s="131"/>
      <c r="E5" s="131"/>
      <c r="F5" s="131"/>
      <c r="G5" s="131"/>
      <c r="H5" s="131"/>
      <c r="I5" s="131"/>
      <c r="J5" s="131"/>
      <c r="K5" s="131"/>
      <c r="L5" s="131"/>
      <c r="M5" s="131"/>
    </row>
    <row r="6" spans="1:13" s="1" customFormat="1" ht="12.75"/>
    <row r="7" spans="1:13" s="1" customFormat="1" ht="12.75">
      <c r="A7" s="1" t="s">
        <v>61</v>
      </c>
      <c r="B7" s="115" t="s">
        <v>50</v>
      </c>
      <c r="C7" s="115"/>
      <c r="D7" s="1" t="s">
        <v>62</v>
      </c>
      <c r="E7" s="3"/>
      <c r="F7" s="3"/>
      <c r="G7" s="3"/>
      <c r="H7" s="3"/>
      <c r="I7" s="3"/>
      <c r="J7" s="3"/>
      <c r="K7" s="3"/>
    </row>
    <row r="8" spans="1:13" s="1" customFormat="1" ht="12.75">
      <c r="E8" s="3"/>
      <c r="F8" s="3"/>
      <c r="G8" s="3"/>
      <c r="H8" s="3"/>
      <c r="I8" s="3"/>
      <c r="J8" s="3"/>
      <c r="K8" s="3"/>
    </row>
    <row r="9" spans="1:13" s="1" customFormat="1" ht="12.75">
      <c r="E9" s="3"/>
      <c r="F9" s="3"/>
      <c r="G9" s="3"/>
      <c r="H9" s="3"/>
      <c r="I9" s="3"/>
      <c r="J9" s="3"/>
      <c r="K9" s="3"/>
    </row>
    <row r="10" spans="1:13" s="1" customFormat="1" ht="12.75">
      <c r="A10" s="1" t="s">
        <v>61</v>
      </c>
      <c r="B10" s="115" t="s">
        <v>49</v>
      </c>
      <c r="C10" s="115"/>
      <c r="D10" s="1" t="s">
        <v>63</v>
      </c>
      <c r="E10" s="3"/>
      <c r="F10" s="3"/>
      <c r="G10" s="3"/>
      <c r="H10" s="3"/>
      <c r="I10" s="3"/>
      <c r="J10" s="3"/>
      <c r="K10" s="3"/>
    </row>
    <row r="11" spans="1:13" s="1" customFormat="1" ht="12.75">
      <c r="E11" s="3"/>
      <c r="F11" s="3"/>
      <c r="G11" s="3"/>
      <c r="H11" s="3"/>
      <c r="I11" s="3"/>
      <c r="J11" s="3"/>
      <c r="K11" s="3"/>
    </row>
    <row r="12" spans="1:13" s="1" customFormat="1" ht="12.75">
      <c r="E12" s="3"/>
      <c r="F12" s="3"/>
      <c r="G12" s="3"/>
      <c r="H12" s="3"/>
      <c r="I12" s="3"/>
      <c r="J12" s="3"/>
      <c r="K12" s="3"/>
    </row>
    <row r="13" spans="1:13" s="1" customFormat="1" ht="12.75">
      <c r="A13" s="1" t="s">
        <v>61</v>
      </c>
      <c r="B13" s="115" t="s">
        <v>64</v>
      </c>
      <c r="C13" s="115"/>
      <c r="D13" s="1" t="s">
        <v>65</v>
      </c>
      <c r="E13" s="3"/>
      <c r="F13" s="3"/>
      <c r="G13" s="3"/>
      <c r="H13" s="3"/>
      <c r="I13" s="3"/>
      <c r="J13" s="3"/>
      <c r="K13" s="3"/>
    </row>
    <row r="14" spans="1:13" s="1" customFormat="1" ht="12.75">
      <c r="C14" s="28" t="s">
        <v>66</v>
      </c>
      <c r="D14" s="1" t="s">
        <v>67</v>
      </c>
      <c r="E14" s="3"/>
      <c r="F14" s="3"/>
      <c r="G14" s="3"/>
      <c r="H14" s="3"/>
      <c r="I14" s="3"/>
      <c r="J14" s="3"/>
      <c r="K14" s="3"/>
    </row>
    <row r="15" spans="1:13" s="1" customFormat="1" ht="12.75">
      <c r="C15" s="28"/>
      <c r="E15" s="3"/>
      <c r="F15" s="3"/>
      <c r="G15" s="3"/>
      <c r="H15" s="3"/>
      <c r="I15" s="3"/>
      <c r="J15" s="3"/>
      <c r="K15" s="3"/>
    </row>
    <row r="16" spans="1:13" s="1" customFormat="1" ht="12.75">
      <c r="C16" s="28"/>
      <c r="D16" s="96"/>
      <c r="E16" s="97"/>
      <c r="F16" s="97"/>
      <c r="G16" s="97"/>
      <c r="H16" s="97"/>
      <c r="I16" s="97"/>
      <c r="J16" s="97"/>
      <c r="K16" s="97"/>
    </row>
    <row r="17" spans="1:11" s="1" customFormat="1" ht="12.75">
      <c r="C17" s="28" t="s">
        <v>66</v>
      </c>
      <c r="D17" s="1" t="s">
        <v>68</v>
      </c>
      <c r="E17" s="3"/>
      <c r="F17" s="3"/>
      <c r="G17" s="3"/>
      <c r="H17" s="3"/>
      <c r="I17" s="3"/>
      <c r="J17" s="3"/>
      <c r="K17" s="3"/>
    </row>
    <row r="18" spans="1:11" s="1" customFormat="1" ht="12.75">
      <c r="E18" s="3"/>
      <c r="F18" s="3"/>
      <c r="G18" s="3"/>
      <c r="H18" s="3"/>
      <c r="I18" s="3"/>
      <c r="J18" s="3"/>
      <c r="K18" s="3"/>
    </row>
    <row r="19" spans="1:11" s="1" customFormat="1" ht="12.75">
      <c r="E19" s="3"/>
      <c r="F19" s="3"/>
      <c r="G19" s="3"/>
      <c r="H19" s="3"/>
      <c r="I19" s="3"/>
      <c r="J19" s="3"/>
      <c r="K19" s="3"/>
    </row>
    <row r="20" spans="1:11" s="1" customFormat="1" ht="12.75">
      <c r="A20" s="1" t="s">
        <v>61</v>
      </c>
      <c r="B20" s="115" t="s">
        <v>69</v>
      </c>
      <c r="C20" s="115"/>
      <c r="D20" s="1" t="s">
        <v>70</v>
      </c>
      <c r="E20" s="3"/>
      <c r="F20" s="3"/>
      <c r="G20" s="3"/>
      <c r="H20" s="3"/>
      <c r="I20" s="3"/>
      <c r="J20" s="3"/>
      <c r="K20" s="3"/>
    </row>
    <row r="21" spans="1:11" s="1" customFormat="1" ht="12.75"/>
    <row r="22" spans="1:11" s="1" customFormat="1" ht="12.75"/>
    <row r="23" spans="1:11" s="1" customFormat="1" ht="12.75">
      <c r="B23" s="115" t="s">
        <v>71</v>
      </c>
      <c r="C23" s="115"/>
      <c r="D23" s="1" t="s">
        <v>72</v>
      </c>
      <c r="F23" s="3"/>
      <c r="G23" s="3"/>
      <c r="H23" s="3"/>
      <c r="I23" s="3"/>
      <c r="J23" s="3"/>
      <c r="K23" s="3"/>
    </row>
    <row r="24" spans="1:11" s="1" customFormat="1" ht="12.75">
      <c r="D24" s="96"/>
      <c r="E24" s="96"/>
      <c r="F24" s="96"/>
      <c r="G24" s="96"/>
      <c r="H24" s="96"/>
      <c r="I24" s="96"/>
      <c r="J24" s="96"/>
      <c r="K24" s="96"/>
    </row>
    <row r="25" spans="1:11" s="1" customFormat="1" ht="12.75">
      <c r="E25" s="3"/>
      <c r="F25" s="3"/>
      <c r="G25" s="3"/>
      <c r="H25" s="3"/>
      <c r="I25" s="3"/>
      <c r="J25" s="3"/>
      <c r="K25" s="3"/>
    </row>
    <row r="26" spans="1:11" s="1" customFormat="1" ht="12.75">
      <c r="B26" s="115" t="s">
        <v>73</v>
      </c>
      <c r="C26" s="115"/>
      <c r="D26" s="1" t="s">
        <v>74</v>
      </c>
      <c r="F26" s="3"/>
      <c r="G26" s="3"/>
      <c r="H26" s="3"/>
      <c r="I26" s="3"/>
      <c r="J26" s="3"/>
      <c r="K26" s="3"/>
    </row>
    <row r="27" spans="1:11" s="1" customFormat="1" ht="12.75">
      <c r="D27" s="1" t="s">
        <v>155</v>
      </c>
      <c r="F27" s="2"/>
      <c r="G27" s="3"/>
      <c r="H27" s="3"/>
      <c r="I27" s="3"/>
      <c r="J27" s="3"/>
      <c r="K27" s="3"/>
    </row>
    <row r="28" spans="1:11" s="1" customFormat="1" ht="12.75">
      <c r="E28" s="3"/>
      <c r="F28" s="3"/>
      <c r="G28" s="3"/>
      <c r="H28" s="3"/>
      <c r="I28" s="3"/>
      <c r="J28" s="3"/>
      <c r="K28" s="3"/>
    </row>
    <row r="29" spans="1:11" s="1" customFormat="1" ht="12.75">
      <c r="A29" s="1" t="s">
        <v>75</v>
      </c>
      <c r="B29" s="1" t="s">
        <v>76</v>
      </c>
      <c r="E29" s="3"/>
      <c r="F29" s="3"/>
      <c r="G29" s="3"/>
      <c r="H29" s="3"/>
      <c r="I29" s="3"/>
      <c r="J29" s="3"/>
      <c r="K29" s="3"/>
    </row>
    <row r="30" spans="1:11" s="1" customFormat="1" ht="12.75">
      <c r="E30" s="3"/>
      <c r="F30" s="3"/>
      <c r="G30" s="3"/>
      <c r="H30" s="3"/>
      <c r="I30" s="3"/>
      <c r="J30" s="3"/>
      <c r="K30" s="3"/>
    </row>
    <row r="31" spans="1:11" s="1" customFormat="1" ht="12.75">
      <c r="E31" s="3"/>
      <c r="F31" s="3"/>
      <c r="G31" s="3"/>
      <c r="H31" s="3"/>
      <c r="I31" s="3"/>
      <c r="J31" s="3"/>
      <c r="K31" s="3"/>
    </row>
    <row r="32" spans="1:11" s="1" customFormat="1" ht="12.75">
      <c r="A32" s="1" t="s">
        <v>77</v>
      </c>
      <c r="B32" s="1" t="s">
        <v>78</v>
      </c>
      <c r="E32" s="3"/>
      <c r="F32" s="3"/>
      <c r="H32" s="3"/>
      <c r="I32" s="3"/>
      <c r="J32" s="3"/>
      <c r="K32" s="3"/>
    </row>
    <row r="33" spans="2:13" s="1" customFormat="1" ht="12.75">
      <c r="B33" s="4"/>
      <c r="E33" s="3"/>
      <c r="F33" s="3"/>
      <c r="G33" s="3"/>
      <c r="H33" s="3"/>
      <c r="I33" s="3"/>
      <c r="J33" s="3"/>
      <c r="K33" s="3" t="s">
        <v>1</v>
      </c>
    </row>
    <row r="34" spans="2:13" s="22" customFormat="1" ht="12.75">
      <c r="B34" s="147" t="s">
        <v>0</v>
      </c>
      <c r="C34" s="148"/>
      <c r="D34" s="149"/>
      <c r="E34" s="29" t="s">
        <v>79</v>
      </c>
      <c r="F34" s="29" t="s">
        <v>80</v>
      </c>
      <c r="G34" s="29" t="s">
        <v>81</v>
      </c>
      <c r="H34" s="29" t="s">
        <v>82</v>
      </c>
      <c r="I34" s="29" t="s">
        <v>83</v>
      </c>
      <c r="J34" s="29" t="s">
        <v>84</v>
      </c>
      <c r="K34" s="29" t="s">
        <v>85</v>
      </c>
      <c r="L34" s="10"/>
      <c r="M34" s="10"/>
    </row>
    <row r="35" spans="2:13" s="22" customFormat="1" ht="12.75">
      <c r="B35" s="30" t="s">
        <v>86</v>
      </c>
      <c r="C35" s="31"/>
      <c r="D35" s="32"/>
      <c r="E35" s="33"/>
      <c r="F35" s="33"/>
      <c r="G35" s="33"/>
      <c r="H35" s="33"/>
      <c r="I35" s="33"/>
      <c r="J35" s="33"/>
      <c r="K35" s="33"/>
      <c r="L35" s="10"/>
      <c r="M35" s="10"/>
    </row>
    <row r="36" spans="2:13" s="22" customFormat="1" ht="12.75">
      <c r="B36" s="123" t="s">
        <v>87</v>
      </c>
      <c r="C36" s="124"/>
      <c r="D36" s="34" t="s">
        <v>88</v>
      </c>
      <c r="E36" s="13"/>
      <c r="F36" s="14"/>
      <c r="G36" s="13"/>
      <c r="H36" s="13"/>
      <c r="I36" s="13"/>
      <c r="J36" s="13"/>
      <c r="K36" s="13"/>
      <c r="L36" s="10"/>
      <c r="M36" s="10"/>
    </row>
    <row r="37" spans="2:13" s="22" customFormat="1" ht="12.75">
      <c r="B37" s="123" t="s">
        <v>89</v>
      </c>
      <c r="C37" s="124"/>
      <c r="D37" s="34" t="s">
        <v>90</v>
      </c>
      <c r="E37" s="13"/>
      <c r="F37" s="14"/>
      <c r="G37" s="13"/>
      <c r="H37" s="13"/>
      <c r="I37" s="13"/>
      <c r="J37" s="13"/>
      <c r="K37" s="13"/>
      <c r="L37" s="10"/>
      <c r="M37" s="10"/>
    </row>
    <row r="38" spans="2:13" s="22" customFormat="1" ht="12.75">
      <c r="B38" s="123" t="s">
        <v>91</v>
      </c>
      <c r="C38" s="124"/>
      <c r="D38" s="35" t="s">
        <v>92</v>
      </c>
      <c r="E38" s="13"/>
      <c r="F38" s="14"/>
      <c r="G38" s="13"/>
      <c r="H38" s="13"/>
      <c r="I38" s="13"/>
      <c r="J38" s="13"/>
      <c r="K38" s="13"/>
      <c r="L38" s="10"/>
      <c r="M38" s="10"/>
    </row>
    <row r="39" spans="2:13" s="22" customFormat="1" ht="12.75">
      <c r="B39" s="123" t="s">
        <v>93</v>
      </c>
      <c r="C39" s="124"/>
      <c r="D39" s="34" t="s">
        <v>94</v>
      </c>
      <c r="E39" s="13"/>
      <c r="F39" s="14"/>
      <c r="G39" s="13"/>
      <c r="H39" s="13"/>
      <c r="I39" s="13"/>
      <c r="J39" s="13"/>
      <c r="K39" s="13"/>
      <c r="L39" s="10"/>
      <c r="M39" s="10"/>
    </row>
    <row r="40" spans="2:13" s="22" customFormat="1" ht="12.75">
      <c r="B40" s="123" t="s">
        <v>95</v>
      </c>
      <c r="C40" s="124"/>
      <c r="D40" s="36" t="s">
        <v>96</v>
      </c>
      <c r="E40" s="37"/>
      <c r="F40" s="18"/>
      <c r="G40" s="37"/>
      <c r="H40" s="37"/>
      <c r="I40" s="37"/>
      <c r="J40" s="37"/>
      <c r="K40" s="37"/>
      <c r="L40" s="10"/>
      <c r="M40" s="10"/>
    </row>
    <row r="41" spans="2:13" s="22" customFormat="1" ht="12.75">
      <c r="B41" s="38"/>
      <c r="C41" s="39" t="s">
        <v>97</v>
      </c>
      <c r="D41" s="34"/>
      <c r="E41" s="13"/>
      <c r="F41" s="13"/>
      <c r="G41" s="13"/>
      <c r="H41" s="13"/>
      <c r="I41" s="13"/>
      <c r="J41" s="13"/>
      <c r="K41" s="13"/>
      <c r="L41" s="10"/>
      <c r="M41" s="10"/>
    </row>
    <row r="42" spans="2:13" s="1" customFormat="1" ht="12.75">
      <c r="B42" s="5" t="s">
        <v>98</v>
      </c>
      <c r="C42" s="40"/>
      <c r="D42" s="32"/>
      <c r="E42" s="33"/>
      <c r="F42" s="33"/>
      <c r="G42" s="33"/>
      <c r="H42" s="33"/>
      <c r="I42" s="33"/>
      <c r="J42" s="33"/>
      <c r="K42" s="33"/>
      <c r="L42" s="3"/>
      <c r="M42" s="3"/>
    </row>
    <row r="43" spans="2:13" s="1" customFormat="1" ht="12.75">
      <c r="B43" s="125" t="s">
        <v>50</v>
      </c>
      <c r="C43" s="126"/>
      <c r="D43" s="36" t="s">
        <v>22</v>
      </c>
      <c r="E43" s="13"/>
      <c r="F43" s="14"/>
      <c r="G43" s="13"/>
      <c r="H43" s="13"/>
      <c r="I43" s="13"/>
      <c r="J43" s="13"/>
      <c r="K43" s="13"/>
      <c r="L43" s="3"/>
      <c r="M43" s="3"/>
    </row>
    <row r="44" spans="2:13" s="1" customFormat="1" ht="12.75">
      <c r="B44" s="41"/>
      <c r="C44" s="4"/>
      <c r="D44" s="36" t="s">
        <v>34</v>
      </c>
      <c r="E44" s="13"/>
      <c r="F44" s="14"/>
      <c r="G44" s="13"/>
      <c r="H44" s="13"/>
      <c r="I44" s="13"/>
      <c r="J44" s="13"/>
      <c r="K44" s="13"/>
      <c r="L44" s="3"/>
      <c r="M44" s="3"/>
    </row>
    <row r="45" spans="2:13" s="1" customFormat="1" ht="12.75">
      <c r="B45" s="41"/>
      <c r="C45" s="4"/>
      <c r="D45" s="36" t="s">
        <v>99</v>
      </c>
      <c r="E45" s="13"/>
      <c r="F45" s="14"/>
      <c r="G45" s="13"/>
      <c r="H45" s="13"/>
      <c r="I45" s="13"/>
      <c r="J45" s="13"/>
      <c r="K45" s="13"/>
      <c r="L45" s="3"/>
      <c r="M45" s="3"/>
    </row>
    <row r="46" spans="2:13" s="1" customFormat="1" ht="12.75">
      <c r="B46" s="41"/>
      <c r="C46" s="4"/>
      <c r="D46" s="36" t="s">
        <v>35</v>
      </c>
      <c r="E46" s="42"/>
      <c r="F46" s="42"/>
      <c r="G46" s="42"/>
      <c r="H46" s="42"/>
      <c r="I46" s="42"/>
      <c r="J46" s="42"/>
      <c r="K46" s="42"/>
      <c r="L46" s="3"/>
      <c r="M46" s="3"/>
    </row>
    <row r="47" spans="2:13" s="1" customFormat="1" ht="12.75">
      <c r="B47" s="125" t="s">
        <v>49</v>
      </c>
      <c r="C47" s="126"/>
      <c r="D47" s="36" t="s">
        <v>23</v>
      </c>
      <c r="E47" s="13"/>
      <c r="F47" s="14"/>
      <c r="G47" s="13"/>
      <c r="H47" s="13"/>
      <c r="I47" s="13"/>
      <c r="J47" s="13"/>
      <c r="K47" s="13"/>
      <c r="L47" s="3"/>
      <c r="M47" s="3"/>
    </row>
    <row r="48" spans="2:13" s="1" customFormat="1" ht="12.75">
      <c r="B48" s="43"/>
      <c r="C48" s="4"/>
      <c r="D48" s="36" t="s">
        <v>100</v>
      </c>
      <c r="E48" s="13"/>
      <c r="F48" s="13"/>
      <c r="G48" s="13"/>
      <c r="H48" s="13"/>
      <c r="I48" s="13"/>
      <c r="J48" s="13"/>
      <c r="K48" s="13"/>
      <c r="L48" s="3"/>
      <c r="M48" s="3"/>
    </row>
    <row r="49" spans="1:13" s="1" customFormat="1" ht="12.75">
      <c r="B49" s="43"/>
      <c r="C49" s="4"/>
      <c r="D49" s="36" t="s">
        <v>101</v>
      </c>
      <c r="E49" s="37"/>
      <c r="F49" s="18"/>
      <c r="G49" s="37"/>
      <c r="H49" s="37"/>
      <c r="I49" s="37"/>
      <c r="J49" s="37"/>
      <c r="K49" s="37"/>
      <c r="L49" s="3"/>
      <c r="M49" s="3"/>
    </row>
    <row r="50" spans="1:13" s="1" customFormat="1" ht="12.75">
      <c r="B50" s="43"/>
      <c r="C50" s="4"/>
      <c r="D50" s="36" t="s">
        <v>36</v>
      </c>
      <c r="E50" s="13"/>
      <c r="F50" s="13"/>
      <c r="G50" s="13"/>
      <c r="H50" s="13"/>
      <c r="I50" s="13"/>
      <c r="J50" s="13"/>
      <c r="K50" s="13"/>
      <c r="L50" s="3"/>
      <c r="M50" s="3"/>
    </row>
    <row r="51" spans="1:13" s="1" customFormat="1" thickBot="1">
      <c r="B51" s="43"/>
      <c r="C51" s="4" t="s">
        <v>37</v>
      </c>
      <c r="D51" s="36"/>
      <c r="E51" s="44"/>
      <c r="F51" s="44"/>
      <c r="G51" s="44"/>
      <c r="H51" s="44"/>
      <c r="I51" s="44"/>
      <c r="J51" s="44"/>
      <c r="K51" s="44"/>
      <c r="L51" s="3"/>
      <c r="M51" s="3"/>
    </row>
    <row r="52" spans="1:13" s="1" customFormat="1" ht="14.25" thickTop="1" thickBot="1">
      <c r="B52" s="45"/>
      <c r="C52" s="46" t="s">
        <v>38</v>
      </c>
      <c r="D52" s="47"/>
      <c r="E52" s="44"/>
      <c r="F52" s="44"/>
      <c r="G52" s="44"/>
      <c r="H52" s="44"/>
      <c r="I52" s="44"/>
      <c r="J52" s="44"/>
      <c r="K52" s="44"/>
      <c r="L52" s="3"/>
      <c r="M52" s="3"/>
    </row>
    <row r="53" spans="1:13" s="1" customFormat="1" thickTop="1">
      <c r="B53" s="4"/>
      <c r="E53" s="3"/>
      <c r="F53" s="3"/>
      <c r="G53" s="3"/>
      <c r="H53" s="3"/>
      <c r="I53" s="3"/>
      <c r="J53" s="3"/>
      <c r="K53" s="3"/>
    </row>
    <row r="54" spans="1:13" s="1" customFormat="1" ht="12.75">
      <c r="A54" s="1" t="s">
        <v>102</v>
      </c>
      <c r="B54" s="1" t="s">
        <v>103</v>
      </c>
      <c r="E54" s="3"/>
      <c r="F54" s="3"/>
      <c r="G54" s="3"/>
      <c r="H54" s="3"/>
      <c r="I54" s="3"/>
      <c r="J54" s="3"/>
      <c r="K54" s="3"/>
    </row>
    <row r="55" spans="1:13" s="1" customFormat="1" ht="12.75">
      <c r="E55" s="3"/>
      <c r="F55" s="3"/>
      <c r="G55" s="3"/>
      <c r="H55" s="48" t="s">
        <v>104</v>
      </c>
      <c r="I55" s="3"/>
      <c r="J55" s="3"/>
      <c r="K55" s="3"/>
    </row>
    <row r="56" spans="1:13" s="22" customFormat="1" ht="12.75">
      <c r="B56" s="49" t="s">
        <v>105</v>
      </c>
      <c r="C56" s="50"/>
      <c r="D56" s="51"/>
      <c r="E56" s="29" t="s">
        <v>9</v>
      </c>
      <c r="F56" s="52" t="s">
        <v>106</v>
      </c>
      <c r="G56" s="53"/>
      <c r="H56" s="54"/>
      <c r="I56" s="10"/>
      <c r="J56" s="10"/>
      <c r="K56" s="10"/>
      <c r="L56" s="10"/>
      <c r="M56" s="10"/>
    </row>
    <row r="57" spans="1:13" s="1" customFormat="1" ht="12.75">
      <c r="B57" s="55"/>
      <c r="C57" s="56"/>
      <c r="D57" s="57"/>
      <c r="E57" s="15"/>
      <c r="F57" s="58"/>
      <c r="G57" s="59"/>
      <c r="H57" s="60"/>
      <c r="I57" s="3"/>
      <c r="J57" s="3"/>
      <c r="K57" s="3"/>
      <c r="L57" s="3"/>
      <c r="M57" s="3"/>
    </row>
    <row r="58" spans="1:13" s="1" customFormat="1" ht="12.75">
      <c r="B58" s="61"/>
      <c r="C58" s="46"/>
      <c r="D58" s="62"/>
      <c r="E58" s="63"/>
      <c r="F58" s="61"/>
      <c r="G58" s="46"/>
      <c r="H58" s="62"/>
      <c r="I58" s="3"/>
      <c r="J58" s="3"/>
      <c r="K58" s="3"/>
      <c r="L58" s="3"/>
      <c r="M58" s="3"/>
    </row>
    <row r="59" spans="1:13" s="1" customFormat="1" ht="12.75">
      <c r="A59" s="1" t="s">
        <v>107</v>
      </c>
      <c r="B59" s="1" t="s">
        <v>108</v>
      </c>
      <c r="E59" s="3"/>
      <c r="F59" s="3"/>
      <c r="G59" s="3"/>
      <c r="H59" s="3"/>
      <c r="I59" s="3"/>
      <c r="J59" s="3"/>
      <c r="K59" s="3"/>
    </row>
    <row r="60" spans="1:13" s="1" customFormat="1" ht="12.75">
      <c r="E60" s="3"/>
      <c r="F60" s="3"/>
      <c r="G60" s="3"/>
      <c r="H60" s="48" t="s">
        <v>104</v>
      </c>
      <c r="I60" s="3"/>
      <c r="J60" s="3"/>
      <c r="K60" s="3"/>
    </row>
    <row r="61" spans="1:13" s="22" customFormat="1" ht="12.75">
      <c r="B61" s="49" t="s">
        <v>105</v>
      </c>
      <c r="C61" s="50"/>
      <c r="D61" s="51"/>
      <c r="E61" s="29" t="s">
        <v>9</v>
      </c>
      <c r="F61" s="52" t="s">
        <v>106</v>
      </c>
      <c r="G61" s="53"/>
      <c r="H61" s="54"/>
      <c r="I61" s="10"/>
      <c r="J61" s="10"/>
      <c r="K61" s="10"/>
      <c r="L61" s="10"/>
      <c r="M61" s="10"/>
    </row>
    <row r="62" spans="1:13" s="1" customFormat="1" ht="12.75">
      <c r="B62" s="55"/>
      <c r="C62" s="56"/>
      <c r="D62" s="57"/>
      <c r="E62" s="15"/>
      <c r="F62" s="64"/>
      <c r="G62" s="65"/>
      <c r="H62" s="66"/>
      <c r="I62" s="3"/>
      <c r="J62" s="3"/>
      <c r="K62" s="3"/>
      <c r="L62" s="3"/>
      <c r="M62" s="3"/>
    </row>
    <row r="63" spans="1:13" s="1" customFormat="1" ht="12.75">
      <c r="B63" s="61"/>
      <c r="C63" s="46"/>
      <c r="D63" s="62"/>
      <c r="E63" s="63"/>
      <c r="F63" s="67"/>
      <c r="G63" s="68"/>
      <c r="H63" s="69"/>
      <c r="I63" s="3"/>
      <c r="J63" s="3"/>
      <c r="K63" s="3"/>
      <c r="L63" s="3"/>
      <c r="M63" s="3"/>
    </row>
    <row r="64" spans="1:13" s="1" customFormat="1" ht="12.75">
      <c r="E64" s="3"/>
      <c r="F64" s="3"/>
      <c r="G64" s="3"/>
      <c r="H64" s="3"/>
      <c r="I64" s="3"/>
      <c r="J64" s="3"/>
      <c r="K64" s="3"/>
    </row>
    <row r="65" spans="1:12" s="1" customFormat="1" ht="12.75">
      <c r="A65" s="1" t="s">
        <v>109</v>
      </c>
      <c r="B65" s="1" t="s">
        <v>110</v>
      </c>
      <c r="E65" s="3"/>
      <c r="F65" s="3"/>
      <c r="G65" s="3"/>
      <c r="H65" s="3"/>
      <c r="I65" s="3"/>
      <c r="J65" s="3"/>
      <c r="K65" s="3"/>
    </row>
    <row r="66" spans="1:12" s="1" customFormat="1" ht="12.75">
      <c r="B66" s="1" t="s">
        <v>111</v>
      </c>
    </row>
    <row r="67" spans="1:12" s="1" customFormat="1" ht="12.75">
      <c r="B67" s="1" t="s">
        <v>112</v>
      </c>
    </row>
    <row r="68" spans="1:12" s="1" customFormat="1" ht="12.75">
      <c r="B68" s="1" t="s">
        <v>113</v>
      </c>
    </row>
    <row r="69" spans="1:12" s="1" customFormat="1" ht="12.75">
      <c r="E69" s="3"/>
      <c r="F69" s="3"/>
      <c r="G69" s="3"/>
      <c r="H69" s="3"/>
      <c r="I69" s="3"/>
      <c r="J69" s="3"/>
      <c r="K69" s="48" t="s">
        <v>1</v>
      </c>
    </row>
    <row r="70" spans="1:12" s="22" customFormat="1" ht="12.75">
      <c r="B70" s="127" t="s">
        <v>105</v>
      </c>
      <c r="C70" s="128"/>
      <c r="D70" s="129"/>
      <c r="E70" s="6" t="s">
        <v>114</v>
      </c>
      <c r="F70" s="6" t="s">
        <v>115</v>
      </c>
      <c r="G70" s="6" t="s">
        <v>116</v>
      </c>
      <c r="H70" s="6" t="s">
        <v>117</v>
      </c>
      <c r="I70" s="132" t="s">
        <v>118</v>
      </c>
      <c r="J70" s="133"/>
      <c r="K70" s="134"/>
    </row>
    <row r="71" spans="1:12" s="1" customFormat="1" ht="12.75">
      <c r="B71" s="70"/>
      <c r="C71" s="71"/>
      <c r="D71" s="72"/>
      <c r="E71" s="16"/>
      <c r="F71" s="15"/>
      <c r="G71" s="15"/>
      <c r="H71" s="15"/>
      <c r="I71" s="73" t="s">
        <v>119</v>
      </c>
      <c r="J71" s="74"/>
      <c r="K71" s="75"/>
      <c r="L71" s="22"/>
    </row>
    <row r="72" spans="1:12" s="1" customFormat="1" ht="12.75">
      <c r="B72" s="43"/>
      <c r="C72" s="76"/>
      <c r="D72" s="77"/>
      <c r="E72" s="78"/>
      <c r="F72" s="13"/>
      <c r="G72" s="79"/>
      <c r="H72" s="79"/>
      <c r="I72" s="43"/>
      <c r="J72" s="4"/>
      <c r="K72" s="77"/>
    </row>
    <row r="73" spans="1:12" s="1" customFormat="1" ht="12.75">
      <c r="B73" s="43"/>
      <c r="C73" s="76"/>
      <c r="D73" s="77"/>
      <c r="E73" s="78"/>
      <c r="F73" s="13"/>
      <c r="G73" s="79"/>
      <c r="H73" s="79"/>
      <c r="I73" s="43"/>
      <c r="J73" s="4"/>
      <c r="K73" s="77"/>
    </row>
    <row r="74" spans="1:12" s="1" customFormat="1" ht="12.4" customHeight="1">
      <c r="B74" s="43"/>
      <c r="C74" s="4"/>
      <c r="D74" s="36"/>
      <c r="E74" s="17"/>
      <c r="F74" s="13"/>
      <c r="G74" s="13"/>
      <c r="H74" s="13"/>
      <c r="I74" s="135" t="s">
        <v>120</v>
      </c>
      <c r="J74" s="136"/>
      <c r="K74" s="137"/>
      <c r="L74" s="22"/>
    </row>
    <row r="75" spans="1:12" s="1" customFormat="1" ht="12.95" customHeight="1">
      <c r="B75" s="43"/>
      <c r="C75" s="4"/>
      <c r="D75" s="36"/>
      <c r="E75" s="78"/>
      <c r="F75" s="13"/>
      <c r="G75" s="79"/>
      <c r="H75" s="79"/>
      <c r="I75" s="135"/>
      <c r="J75" s="136"/>
      <c r="K75" s="137"/>
    </row>
    <row r="76" spans="1:12" s="1" customFormat="1" ht="12.95" customHeight="1">
      <c r="B76" s="43"/>
      <c r="C76" s="4"/>
      <c r="D76" s="36"/>
      <c r="E76" s="78"/>
      <c r="F76" s="14"/>
      <c r="G76" s="79"/>
      <c r="H76" s="79"/>
      <c r="I76" s="135"/>
      <c r="J76" s="136"/>
      <c r="K76" s="137"/>
    </row>
    <row r="77" spans="1:12" s="1" customFormat="1" ht="12.95" customHeight="1">
      <c r="B77" s="43"/>
      <c r="C77" s="4"/>
      <c r="D77" s="36"/>
      <c r="E77" s="78"/>
      <c r="F77" s="14"/>
      <c r="G77" s="79"/>
      <c r="H77" s="79"/>
      <c r="I77" s="135"/>
      <c r="J77" s="136"/>
      <c r="K77" s="137"/>
    </row>
    <row r="78" spans="1:12" s="1" customFormat="1" ht="12.95" customHeight="1">
      <c r="B78" s="43"/>
      <c r="C78" s="4"/>
      <c r="D78" s="36"/>
      <c r="E78" s="78"/>
      <c r="F78" s="14"/>
      <c r="G78" s="79"/>
      <c r="H78" s="79"/>
      <c r="I78" s="135"/>
      <c r="J78" s="136"/>
      <c r="K78" s="137"/>
    </row>
    <row r="79" spans="1:12" s="1" customFormat="1" ht="12.95" customHeight="1">
      <c r="B79" s="43"/>
      <c r="C79" s="4"/>
      <c r="D79" s="36"/>
      <c r="E79" s="80"/>
      <c r="F79" s="18"/>
      <c r="G79" s="63"/>
      <c r="H79" s="63"/>
      <c r="I79" s="135"/>
      <c r="J79" s="136"/>
      <c r="K79" s="137"/>
    </row>
    <row r="80" spans="1:12" s="1" customFormat="1" thickBot="1">
      <c r="B80" s="45" t="s">
        <v>85</v>
      </c>
      <c r="C80" s="81"/>
      <c r="D80" s="47"/>
      <c r="E80" s="19"/>
      <c r="F80" s="19"/>
      <c r="G80" s="19"/>
      <c r="H80" s="19"/>
      <c r="I80" s="138"/>
      <c r="J80" s="139"/>
      <c r="K80" s="140"/>
    </row>
    <row r="81" spans="1:13" s="84" customFormat="1" ht="12.75" customHeight="1" thickTop="1">
      <c r="A81" s="82"/>
      <c r="B81" s="82"/>
      <c r="C81" s="82"/>
      <c r="D81" s="82"/>
      <c r="E81" s="82"/>
      <c r="F81" s="82"/>
      <c r="G81" s="83"/>
      <c r="H81" s="83"/>
      <c r="I81" s="83"/>
      <c r="J81" s="83"/>
      <c r="K81" s="83"/>
    </row>
    <row r="82" spans="1:13" s="84" customFormat="1" ht="12.75" customHeight="1">
      <c r="A82" s="82"/>
      <c r="B82" s="82"/>
      <c r="C82" s="82"/>
      <c r="D82" s="82"/>
      <c r="E82" s="82"/>
      <c r="F82" s="82"/>
      <c r="G82" s="83"/>
      <c r="H82" s="83"/>
      <c r="I82" s="83"/>
      <c r="J82" s="83"/>
      <c r="K82" s="83"/>
    </row>
    <row r="83" spans="1:13" s="1" customFormat="1" ht="12.75">
      <c r="A83" s="1" t="s">
        <v>121</v>
      </c>
      <c r="B83" s="1" t="s">
        <v>122</v>
      </c>
      <c r="E83" s="3"/>
      <c r="F83" s="3"/>
      <c r="G83" s="3"/>
      <c r="H83" s="3"/>
      <c r="I83" s="3"/>
      <c r="J83" s="3"/>
      <c r="K83" s="3"/>
    </row>
    <row r="84" spans="1:13" s="1" customFormat="1" ht="12.75">
      <c r="E84" s="3"/>
      <c r="F84" s="3"/>
      <c r="G84" s="3"/>
      <c r="H84" s="3"/>
      <c r="I84" s="3"/>
      <c r="J84" s="48" t="s">
        <v>1</v>
      </c>
      <c r="K84" s="3"/>
    </row>
    <row r="85" spans="1:13" s="22" customFormat="1" ht="12.75">
      <c r="B85" s="141" t="s">
        <v>0</v>
      </c>
      <c r="C85" s="142"/>
      <c r="D85" s="143"/>
      <c r="E85" s="7" t="s">
        <v>123</v>
      </c>
      <c r="F85" s="8" t="s">
        <v>124</v>
      </c>
      <c r="G85" s="7" t="s">
        <v>125</v>
      </c>
      <c r="H85" s="9" t="s">
        <v>126</v>
      </c>
      <c r="I85" s="7" t="s">
        <v>127</v>
      </c>
      <c r="J85" s="7" t="s">
        <v>128</v>
      </c>
      <c r="K85" s="10"/>
      <c r="M85" s="10"/>
    </row>
    <row r="86" spans="1:13" s="1" customFormat="1" ht="12.75">
      <c r="B86" s="43" t="s">
        <v>129</v>
      </c>
      <c r="C86" s="4"/>
      <c r="D86" s="36"/>
      <c r="E86" s="85"/>
      <c r="F86" s="86"/>
      <c r="G86" s="87"/>
      <c r="H86" s="86"/>
      <c r="I86" s="85"/>
      <c r="J86" s="88"/>
      <c r="K86" s="3"/>
      <c r="M86" s="3"/>
    </row>
    <row r="87" spans="1:13" s="1" customFormat="1" ht="12.75">
      <c r="B87" s="43"/>
      <c r="C87" s="4" t="s">
        <v>130</v>
      </c>
      <c r="D87" s="36"/>
      <c r="E87" s="13"/>
      <c r="F87" s="14"/>
      <c r="G87" s="13"/>
      <c r="H87" s="14"/>
      <c r="I87" s="13"/>
      <c r="J87" s="89"/>
      <c r="K87" s="3"/>
      <c r="M87" s="3"/>
    </row>
    <row r="88" spans="1:13" s="1" customFormat="1" ht="12.75">
      <c r="B88" s="43" t="s">
        <v>131</v>
      </c>
      <c r="C88" s="4"/>
      <c r="D88" s="36"/>
      <c r="E88" s="13"/>
      <c r="F88" s="14"/>
      <c r="G88" s="13"/>
      <c r="H88" s="14"/>
      <c r="I88" s="13"/>
      <c r="J88" s="89"/>
      <c r="K88" s="3"/>
      <c r="M88" s="3"/>
    </row>
    <row r="89" spans="1:13" s="1" customFormat="1" ht="12.75">
      <c r="B89" s="43" t="s">
        <v>132</v>
      </c>
      <c r="C89" s="4"/>
      <c r="D89" s="36"/>
      <c r="E89" s="37"/>
      <c r="F89" s="18"/>
      <c r="G89" s="37"/>
      <c r="H89" s="18"/>
      <c r="I89" s="37"/>
      <c r="J89" s="90"/>
      <c r="K89" s="3"/>
      <c r="M89" s="3"/>
    </row>
    <row r="90" spans="1:13" s="1" customFormat="1" thickBot="1">
      <c r="B90" s="45" t="s">
        <v>85</v>
      </c>
      <c r="C90" s="81"/>
      <c r="D90" s="47"/>
      <c r="E90" s="44"/>
      <c r="F90" s="44"/>
      <c r="G90" s="44"/>
      <c r="H90" s="44"/>
      <c r="I90" s="44"/>
      <c r="J90" s="44"/>
      <c r="K90" s="3"/>
      <c r="M90" s="3"/>
    </row>
    <row r="91" spans="1:13" s="1" customFormat="1" thickTop="1">
      <c r="E91" s="3"/>
      <c r="F91" s="3"/>
      <c r="G91" s="3"/>
      <c r="H91" s="3"/>
      <c r="I91" s="3"/>
      <c r="J91" s="3"/>
      <c r="K91" s="3"/>
    </row>
    <row r="92" spans="1:13" s="1" customFormat="1" ht="12.75">
      <c r="A92" s="1" t="s">
        <v>133</v>
      </c>
      <c r="B92" s="1" t="s">
        <v>134</v>
      </c>
      <c r="E92" s="3"/>
      <c r="F92" s="3"/>
      <c r="G92" s="3"/>
      <c r="H92" s="3"/>
      <c r="I92" s="3"/>
      <c r="J92" s="3"/>
      <c r="K92" s="3"/>
    </row>
    <row r="93" spans="1:13" s="1" customFormat="1" ht="12.75">
      <c r="G93" s="3"/>
      <c r="H93" s="48" t="s">
        <v>1</v>
      </c>
      <c r="I93" s="3"/>
      <c r="J93" s="3"/>
      <c r="K93" s="3"/>
      <c r="L93" s="3"/>
      <c r="M93" s="3"/>
    </row>
    <row r="94" spans="1:13" s="22" customFormat="1" ht="12.75">
      <c r="B94" s="49" t="s">
        <v>0</v>
      </c>
      <c r="C94" s="50"/>
      <c r="D94" s="51"/>
      <c r="E94" s="29" t="s">
        <v>114</v>
      </c>
      <c r="F94" s="29" t="s">
        <v>135</v>
      </c>
      <c r="G94" s="29" t="s">
        <v>136</v>
      </c>
      <c r="H94" s="29" t="s">
        <v>117</v>
      </c>
      <c r="I94" s="10"/>
      <c r="J94" s="10"/>
      <c r="K94" s="10"/>
      <c r="L94" s="10"/>
      <c r="M94" s="10"/>
    </row>
    <row r="95" spans="1:13" s="1" customFormat="1" ht="12.75">
      <c r="B95" s="70" t="s">
        <v>137</v>
      </c>
      <c r="C95" s="59"/>
      <c r="D95" s="60"/>
      <c r="E95" s="15"/>
      <c r="F95" s="91"/>
      <c r="G95" s="15"/>
      <c r="H95" s="92"/>
      <c r="I95" s="3"/>
      <c r="J95" s="3"/>
      <c r="K95" s="3"/>
      <c r="L95" s="3"/>
      <c r="M95" s="3"/>
    </row>
    <row r="96" spans="1:13" s="1" customFormat="1" ht="12.75">
      <c r="B96" s="43" t="s">
        <v>138</v>
      </c>
      <c r="C96" s="4"/>
      <c r="D96" s="36"/>
      <c r="E96" s="13"/>
      <c r="F96" s="14"/>
      <c r="G96" s="13"/>
      <c r="H96" s="89"/>
      <c r="I96" s="3"/>
      <c r="J96" s="3"/>
      <c r="K96" s="3"/>
      <c r="L96" s="3"/>
      <c r="M96" s="3"/>
    </row>
    <row r="97" spans="1:13" s="1" customFormat="1" thickBot="1">
      <c r="B97" s="45" t="s">
        <v>85</v>
      </c>
      <c r="C97" s="81"/>
      <c r="D97" s="47"/>
      <c r="E97" s="44"/>
      <c r="F97" s="44"/>
      <c r="G97" s="44"/>
      <c r="H97" s="44"/>
      <c r="I97" s="3"/>
      <c r="J97" s="3"/>
      <c r="K97" s="3"/>
      <c r="L97" s="3"/>
      <c r="M97" s="3"/>
    </row>
    <row r="98" spans="1:13" s="1" customFormat="1" thickTop="1">
      <c r="E98" s="3"/>
      <c r="F98" s="3"/>
      <c r="G98" s="3"/>
      <c r="H98" s="3"/>
      <c r="I98" s="3"/>
      <c r="J98" s="3"/>
      <c r="K98" s="3"/>
    </row>
    <row r="99" spans="1:13" s="1" customFormat="1" ht="12.75">
      <c r="A99" s="1" t="s">
        <v>139</v>
      </c>
      <c r="B99" s="1" t="s">
        <v>140</v>
      </c>
      <c r="E99" s="3"/>
      <c r="F99" s="3"/>
      <c r="G99" s="3"/>
      <c r="H99" s="3"/>
      <c r="I99" s="3"/>
      <c r="J99" s="3"/>
      <c r="K99" s="3"/>
    </row>
    <row r="100" spans="1:13" s="1" customFormat="1" ht="12.75">
      <c r="B100" s="1" t="s">
        <v>141</v>
      </c>
      <c r="E100" s="3"/>
      <c r="F100" s="3"/>
      <c r="G100" s="3"/>
      <c r="H100" s="3"/>
      <c r="I100" s="3"/>
      <c r="J100" s="3"/>
      <c r="K100" s="3"/>
    </row>
    <row r="101" spans="1:13" s="1" customFormat="1" ht="12.75">
      <c r="E101" s="3"/>
      <c r="F101" s="3" t="s">
        <v>1</v>
      </c>
      <c r="G101" s="3"/>
      <c r="H101" s="3"/>
      <c r="I101" s="3"/>
      <c r="J101" s="3"/>
      <c r="K101" s="3"/>
    </row>
    <row r="102" spans="1:13" s="22" customFormat="1" ht="13.7" customHeight="1">
      <c r="B102" s="127" t="s">
        <v>0</v>
      </c>
      <c r="C102" s="128"/>
      <c r="D102" s="129"/>
      <c r="E102" s="11" t="s">
        <v>142</v>
      </c>
      <c r="F102" s="11" t="s">
        <v>143</v>
      </c>
      <c r="G102" s="10"/>
      <c r="H102" s="10"/>
      <c r="I102" s="10"/>
      <c r="J102" s="10"/>
      <c r="K102" s="10"/>
      <c r="L102" s="10"/>
      <c r="M102" s="10"/>
    </row>
    <row r="103" spans="1:13" s="22" customFormat="1" ht="12.75">
      <c r="B103" s="144"/>
      <c r="C103" s="145"/>
      <c r="D103" s="146"/>
      <c r="E103" s="12" t="s">
        <v>144</v>
      </c>
      <c r="F103" s="12" t="s">
        <v>145</v>
      </c>
      <c r="G103" s="10"/>
      <c r="H103" s="10"/>
      <c r="I103" s="10"/>
      <c r="J103" s="10"/>
      <c r="K103" s="10"/>
      <c r="L103" s="10"/>
      <c r="M103" s="10"/>
    </row>
    <row r="104" spans="1:13" s="1" customFormat="1" ht="12.75">
      <c r="B104" s="43" t="s">
        <v>146</v>
      </c>
      <c r="C104" s="4"/>
      <c r="D104" s="36"/>
      <c r="E104" s="15"/>
      <c r="F104" s="89"/>
      <c r="G104" s="3"/>
      <c r="H104" s="3"/>
      <c r="I104" s="3"/>
      <c r="J104" s="3"/>
      <c r="K104" s="3"/>
      <c r="L104" s="3"/>
      <c r="M104" s="3"/>
    </row>
    <row r="105" spans="1:13" s="1" customFormat="1" ht="12.75">
      <c r="B105" s="43" t="s">
        <v>147</v>
      </c>
      <c r="C105" s="4"/>
      <c r="D105" s="36"/>
      <c r="E105" s="13"/>
      <c r="F105" s="89"/>
      <c r="G105" s="3"/>
      <c r="H105" s="3"/>
      <c r="I105" s="3"/>
      <c r="J105" s="3"/>
      <c r="K105" s="3"/>
      <c r="L105" s="3"/>
      <c r="M105" s="3"/>
    </row>
    <row r="106" spans="1:13" s="1" customFormat="1" ht="12.75">
      <c r="B106" s="43" t="s">
        <v>148</v>
      </c>
      <c r="C106" s="4"/>
      <c r="D106" s="36"/>
      <c r="E106" s="13"/>
      <c r="F106" s="89"/>
      <c r="G106" s="3"/>
      <c r="H106" s="3"/>
      <c r="I106" s="3"/>
      <c r="J106" s="3"/>
      <c r="K106" s="3"/>
      <c r="L106" s="3"/>
      <c r="M106" s="3"/>
    </row>
    <row r="107" spans="1:13" s="1" customFormat="1" thickBot="1">
      <c r="B107" s="5"/>
      <c r="C107" s="39" t="s">
        <v>149</v>
      </c>
      <c r="D107" s="34"/>
      <c r="E107" s="44"/>
      <c r="F107" s="44"/>
      <c r="G107" s="3"/>
      <c r="H107" s="3"/>
      <c r="I107" s="3"/>
      <c r="J107" s="3"/>
      <c r="K107" s="3"/>
      <c r="L107" s="3"/>
      <c r="M107" s="3"/>
    </row>
    <row r="108" spans="1:13" s="1" customFormat="1" thickTop="1">
      <c r="B108" s="43" t="s">
        <v>150</v>
      </c>
      <c r="C108" s="4"/>
      <c r="D108" s="36"/>
      <c r="E108" s="13"/>
      <c r="F108" s="89"/>
      <c r="G108" s="3"/>
      <c r="H108" s="3"/>
      <c r="I108" s="3"/>
      <c r="J108" s="3"/>
      <c r="K108" s="3"/>
      <c r="L108" s="3"/>
      <c r="M108" s="3"/>
    </row>
    <row r="109" spans="1:13" s="1" customFormat="1" ht="12.75">
      <c r="B109" s="5" t="s">
        <v>151</v>
      </c>
      <c r="C109" s="39"/>
      <c r="D109" s="34"/>
      <c r="E109" s="13"/>
      <c r="F109" s="89"/>
      <c r="G109" s="3"/>
      <c r="H109" s="3"/>
      <c r="I109" s="3"/>
      <c r="J109" s="3"/>
      <c r="K109" s="3"/>
      <c r="L109" s="3"/>
      <c r="M109" s="3"/>
    </row>
    <row r="110" spans="1:13" s="1" customFormat="1" ht="12.75">
      <c r="B110" s="43" t="s">
        <v>138</v>
      </c>
      <c r="C110" s="4"/>
      <c r="D110" s="36"/>
      <c r="E110" s="13"/>
      <c r="F110" s="89"/>
      <c r="G110" s="3"/>
      <c r="H110" s="3"/>
      <c r="I110" s="3"/>
      <c r="J110" s="3"/>
      <c r="K110" s="3"/>
      <c r="L110" s="3"/>
      <c r="M110" s="3"/>
    </row>
    <row r="111" spans="1:13" s="1" customFormat="1" thickBot="1">
      <c r="B111" s="93"/>
      <c r="C111" s="94" t="s">
        <v>152</v>
      </c>
      <c r="D111" s="95"/>
      <c r="E111" s="44"/>
      <c r="F111" s="44"/>
      <c r="G111" s="3"/>
      <c r="H111" s="3"/>
      <c r="I111" s="3"/>
      <c r="J111" s="3"/>
      <c r="K111" s="3"/>
      <c r="L111" s="3"/>
      <c r="M111" s="3"/>
    </row>
    <row r="112" spans="1:13" s="1" customFormat="1" thickTop="1">
      <c r="E112" s="3"/>
      <c r="F112" s="3"/>
      <c r="G112" s="3"/>
      <c r="H112" s="3"/>
      <c r="I112" s="3"/>
      <c r="J112" s="3"/>
      <c r="K112" s="3"/>
    </row>
    <row r="113" spans="1:11" s="1" customFormat="1" ht="36" customHeight="1">
      <c r="A113" s="122" t="s">
        <v>153</v>
      </c>
      <c r="B113" s="122"/>
      <c r="C113" s="122"/>
      <c r="D113" s="122"/>
      <c r="E113" s="122"/>
      <c r="F113" s="122"/>
      <c r="G113" s="122"/>
      <c r="H113" s="122"/>
      <c r="I113" s="122"/>
      <c r="J113" s="122"/>
      <c r="K113" s="122"/>
    </row>
  </sheetData>
  <mergeCells count="21">
    <mergeCell ref="B5:M5"/>
    <mergeCell ref="I70:K70"/>
    <mergeCell ref="I74:K80"/>
    <mergeCell ref="B85:D85"/>
    <mergeCell ref="B102:D103"/>
    <mergeCell ref="B37:C37"/>
    <mergeCell ref="B7:C7"/>
    <mergeCell ref="B10:C10"/>
    <mergeCell ref="B13:C13"/>
    <mergeCell ref="B36:C36"/>
    <mergeCell ref="B20:C20"/>
    <mergeCell ref="B23:C23"/>
    <mergeCell ref="B26:C26"/>
    <mergeCell ref="B34:D34"/>
    <mergeCell ref="A113:K113"/>
    <mergeCell ref="B38:C38"/>
    <mergeCell ref="B39:C39"/>
    <mergeCell ref="B40:C40"/>
    <mergeCell ref="B43:C43"/>
    <mergeCell ref="B47:C47"/>
    <mergeCell ref="B70:D70"/>
  </mergeCells>
  <phoneticPr fontId="2"/>
  <printOptions horizontalCentered="1"/>
  <pageMargins left="0.51181102362204722" right="0.51181102362204722" top="0.59055118110236227" bottom="0.59055118110236227" header="0.31496062992125984" footer="0.19685039370078741"/>
  <pageSetup paperSize="9" firstPageNumber="171" orientation="portrait" useFirstPageNumber="1" r:id="rId1"/>
  <headerFooter scaleWithDoc="0"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活動計算書（その他の事業あり）</vt:lpstr>
      <vt:lpstr>計算書類の注記</vt:lpstr>
      <vt:lpstr>'活動計算書（その他の事業あり）'!Print_Area</vt:lpstr>
      <vt:lpstr>計算書類の注記!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3-03-10T04:17:51Z</cp:lastPrinted>
  <dcterms:created xsi:type="dcterms:W3CDTF">2009-08-15T00:27:33Z</dcterms:created>
  <dcterms:modified xsi:type="dcterms:W3CDTF">2023-03-10T04:47:33Z</dcterms:modified>
</cp:coreProperties>
</file>